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731"/>
  <workbookPr/>
  <mc:AlternateContent xmlns:mc="http://schemas.openxmlformats.org/markup-compatibility/2006">
    <mc:Choice Requires="x15">
      <x15ac:absPath xmlns:x15ac="http://schemas.microsoft.com/office/spreadsheetml/2010/11/ac" url="C:\Users\s833334\Desktop\PC取替作業\低入札事務処理についての一部改正\00 低入調査事務手続きの改正準備\契約保証金免除無し\改正起案\"/>
    </mc:Choice>
  </mc:AlternateContent>
  <xr:revisionPtr revIDLastSave="0" documentId="13_ncr:1_{8C57CE14-1C88-40B9-8169-4DDA5999FAD8}" xr6:coauthVersionLast="47" xr6:coauthVersionMax="47" xr10:uidLastSave="{00000000-0000-0000-0000-000000000000}"/>
  <bookViews>
    <workbookView xWindow="-120" yWindow="-120" windowWidth="29040" windowHeight="15840" tabRatio="902" xr2:uid="{00000000-000D-0000-FFFF-FFFF00000000}"/>
  </bookViews>
  <sheets>
    <sheet name="様式１－４" sheetId="20" r:id="rId1"/>
    <sheet name="（記載例）様式１－４" sheetId="21" r:id="rId2"/>
    <sheet name="様式１－４ (起案用)" sheetId="22" r:id="rId3"/>
  </sheets>
  <definedNames>
    <definedName name="_xlnm.Print_Area" localSheetId="1">'（記載例）様式１－４'!$B$2:$BF$31</definedName>
    <definedName name="_xlnm.Print_Area" localSheetId="0">'様式１－４'!$B$1:$BB$27</definedName>
    <definedName name="_xlnm.Print_Area" localSheetId="2">'様式１－４ (起案用)'!$D$2:$BD$2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Z29" i="21" l="1"/>
  <c r="AX29" i="21"/>
  <c r="AV29" i="21"/>
  <c r="AT29" i="21"/>
  <c r="AR29" i="21"/>
  <c r="AP29" i="21"/>
  <c r="AN29" i="21"/>
  <c r="AL29" i="21"/>
  <c r="AJ29" i="21"/>
  <c r="AH29" i="21"/>
  <c r="AF29" i="21"/>
  <c r="AD29" i="21"/>
  <c r="AB29" i="21"/>
  <c r="Z29" i="21"/>
  <c r="X29" i="21"/>
  <c r="V29" i="21"/>
  <c r="T29" i="21"/>
  <c r="R29" i="21"/>
  <c r="P29" i="21"/>
  <c r="N29" i="21"/>
  <c r="L29" i="21"/>
  <c r="J29" i="21"/>
  <c r="H29" i="21"/>
  <c r="F29" i="21"/>
  <c r="BB28" i="21"/>
  <c r="BB27" i="21"/>
  <c r="BB26" i="21"/>
  <c r="BC23" i="21"/>
  <c r="BB23" i="21"/>
  <c r="BB29" i="21" l="1"/>
</calcChain>
</file>

<file path=xl/sharedStrings.xml><?xml version="1.0" encoding="utf-8"?>
<sst xmlns="http://schemas.openxmlformats.org/spreadsheetml/2006/main" count="97" uniqueCount="35">
  <si>
    <t>従事者№</t>
    <rPh sb="0" eb="3">
      <t>ジュウジシャ</t>
    </rPh>
    <phoneticPr fontId="1"/>
  </si>
  <si>
    <t>業務従事者配置計画書</t>
    <rPh sb="0" eb="2">
      <t>ギョウム</t>
    </rPh>
    <rPh sb="2" eb="5">
      <t>ジュウジシャ</t>
    </rPh>
    <rPh sb="5" eb="7">
      <t>ハイチ</t>
    </rPh>
    <rPh sb="7" eb="10">
      <t>ケイカクショ</t>
    </rPh>
    <phoneticPr fontId="1"/>
  </si>
  <si>
    <t>監視・断続的労働</t>
    <rPh sb="0" eb="2">
      <t>カンシ</t>
    </rPh>
    <rPh sb="3" eb="6">
      <t>ダンゾクテキ</t>
    </rPh>
    <rPh sb="6" eb="8">
      <t>ロウドウ</t>
    </rPh>
    <phoneticPr fontId="1"/>
  </si>
  <si>
    <t>従事者
区分
（Ａ・Ｂ・Ｃ）</t>
    <rPh sb="0" eb="3">
      <t>ジュウジシャ</t>
    </rPh>
    <rPh sb="4" eb="6">
      <t>クブン</t>
    </rPh>
    <phoneticPr fontId="1"/>
  </si>
  <si>
    <t>Ａ・Ｂ・Ｃ</t>
    <phoneticPr fontId="1"/>
  </si>
  <si>
    <t>Ａ・Ｂ・Ｃ</t>
    <phoneticPr fontId="1"/>
  </si>
  <si>
    <t>Ａ</t>
    <phoneticPr fontId="1"/>
  </si>
  <si>
    <t>Ｂ</t>
    <phoneticPr fontId="1"/>
  </si>
  <si>
    <t>Ｃ</t>
    <phoneticPr fontId="1"/>
  </si>
  <si>
    <t>労働時間</t>
    <rPh sb="0" eb="2">
      <t>ロウドウ</t>
    </rPh>
    <rPh sb="2" eb="4">
      <t>ジカン</t>
    </rPh>
    <phoneticPr fontId="1"/>
  </si>
  <si>
    <t>休憩時間</t>
    <rPh sb="0" eb="2">
      <t>キュウケイ</t>
    </rPh>
    <rPh sb="2" eb="4">
      <t>ジカン</t>
    </rPh>
    <phoneticPr fontId="1"/>
  </si>
  <si>
    <t>時間帯別従事者人数
（１時間単位で記載）</t>
    <rPh sb="0" eb="2">
      <t>ジカン</t>
    </rPh>
    <rPh sb="2" eb="3">
      <t>タイ</t>
    </rPh>
    <rPh sb="3" eb="4">
      <t>ベツ</t>
    </rPh>
    <rPh sb="4" eb="7">
      <t>ジュウジシャ</t>
    </rPh>
    <rPh sb="7" eb="9">
      <t>ニンズウ</t>
    </rPh>
    <rPh sb="12" eb="14">
      <t>ジカン</t>
    </rPh>
    <rPh sb="14" eb="16">
      <t>タンイ</t>
    </rPh>
    <rPh sb="17" eb="19">
      <t>キサイ</t>
    </rPh>
    <phoneticPr fontId="1"/>
  </si>
  <si>
    <t>業務名　　　　　　　　　　　　　　　　　　　　　　　　　　　　　　　　　　　　　</t>
    <rPh sb="0" eb="3">
      <t>ギョウムメイ</t>
    </rPh>
    <phoneticPr fontId="1"/>
  </si>
  <si>
    <t>労働時間（所定内）</t>
    <rPh sb="0" eb="2">
      <t>ロウドウ</t>
    </rPh>
    <rPh sb="2" eb="4">
      <t>ジカン</t>
    </rPh>
    <rPh sb="5" eb="8">
      <t>ショテイナイ</t>
    </rPh>
    <phoneticPr fontId="1"/>
  </si>
  <si>
    <t>合　計</t>
    <rPh sb="0" eb="1">
      <t>ア</t>
    </rPh>
    <rPh sb="2" eb="3">
      <t>ケイ</t>
    </rPh>
    <phoneticPr fontId="1"/>
  </si>
  <si>
    <t>合　　　　　　　　　計</t>
    <rPh sb="0" eb="1">
      <t>ア</t>
    </rPh>
    <rPh sb="10" eb="11">
      <t>ケイ</t>
    </rPh>
    <phoneticPr fontId="1"/>
  </si>
  <si>
    <t>１日の労働時間等
（単位：時間）</t>
    <rPh sb="1" eb="2">
      <t>ニチ</t>
    </rPh>
    <rPh sb="3" eb="5">
      <t>ロウドウ</t>
    </rPh>
    <rPh sb="5" eb="7">
      <t>ジカン</t>
    </rPh>
    <rPh sb="7" eb="8">
      <t>トウ</t>
    </rPh>
    <rPh sb="10" eb="12">
      <t>タンイ</t>
    </rPh>
    <rPh sb="13" eb="15">
      <t>ジカン</t>
    </rPh>
    <phoneticPr fontId="1"/>
  </si>
  <si>
    <t>変形
労働
時間制</t>
    <rPh sb="0" eb="2">
      <t>ヘンケイ</t>
    </rPh>
    <rPh sb="3" eb="5">
      <t>ロウドウ</t>
    </rPh>
    <rPh sb="6" eb="8">
      <t>ジカン</t>
    </rPh>
    <rPh sb="8" eb="9">
      <t>セイ</t>
    </rPh>
    <phoneticPr fontId="1"/>
  </si>
  <si>
    <t>合計</t>
    <rPh sb="0" eb="2">
      <t>ゴウケイ</t>
    </rPh>
    <phoneticPr fontId="1"/>
  </si>
  <si>
    <t>してください。</t>
    <phoneticPr fontId="1"/>
  </si>
  <si>
    <t>通常の業務日に対する業務従事者の平均的な配置計画を業務従事者毎に記載</t>
    <rPh sb="0" eb="2">
      <t>ツウジョウ</t>
    </rPh>
    <rPh sb="3" eb="5">
      <t>ギョウム</t>
    </rPh>
    <rPh sb="5" eb="6">
      <t>ビ</t>
    </rPh>
    <rPh sb="7" eb="8">
      <t>タイ</t>
    </rPh>
    <rPh sb="10" eb="12">
      <t>ギョウム</t>
    </rPh>
    <rPh sb="12" eb="15">
      <t>ジュウジシャ</t>
    </rPh>
    <rPh sb="16" eb="19">
      <t>ヘイキンテキ</t>
    </rPh>
    <rPh sb="20" eb="22">
      <t>ハイチ</t>
    </rPh>
    <rPh sb="22" eb="24">
      <t>ケイカク</t>
    </rPh>
    <rPh sb="25" eb="27">
      <t>ギョウム</t>
    </rPh>
    <rPh sb="27" eb="30">
      <t>ジュウジシャ</t>
    </rPh>
    <rPh sb="30" eb="31">
      <t>ゴト</t>
    </rPh>
    <rPh sb="32" eb="34">
      <t>キサイ</t>
    </rPh>
    <phoneticPr fontId="1"/>
  </si>
  <si>
    <t>※通常の業務日１日分の配置計画を記載するもののため、業務従事者賃金支給計画書で記載したすべての業務従事者について記載する必要はありません。</t>
    <phoneticPr fontId="1"/>
  </si>
  <si>
    <t>様式１－４</t>
    <rPh sb="0" eb="2">
      <t>ヨウシキ</t>
    </rPh>
    <phoneticPr fontId="1"/>
  </si>
  <si>
    <t>してください。</t>
    <phoneticPr fontId="1"/>
  </si>
  <si>
    <r>
      <t>業務名　　</t>
    </r>
    <r>
      <rPr>
        <b/>
        <i/>
        <u/>
        <sz val="12"/>
        <rFont val="ＭＳ Ｐ明朝"/>
        <family val="1"/>
        <charset val="128"/>
      </rPr>
      <t>○○○○業務　　　　　　　　　　　　　　</t>
    </r>
    <r>
      <rPr>
        <u/>
        <sz val="12"/>
        <rFont val="ＭＳ Ｐ明朝"/>
        <family val="1"/>
        <charset val="128"/>
      </rPr>
      <t>　　　　　　　　　　　　　　　　　　　　　　　　　　　　　　　　　　　</t>
    </r>
    <rPh sb="0" eb="3">
      <t>ギョウムメイ</t>
    </rPh>
    <rPh sb="9" eb="11">
      <t>ギョウム</t>
    </rPh>
    <phoneticPr fontId="1"/>
  </si>
  <si>
    <t>Ａ・Ｂ・Ｃ</t>
    <phoneticPr fontId="1"/>
  </si>
  <si>
    <t>Ａ・Ｂ・Ｃ</t>
    <phoneticPr fontId="1"/>
  </si>
  <si>
    <t>○</t>
    <phoneticPr fontId="1"/>
  </si>
  <si>
    <t>Ａ・Ｂ・Ｃ</t>
    <phoneticPr fontId="1"/>
  </si>
  <si>
    <t>Ａ・Ｂ・Ｃ</t>
    <phoneticPr fontId="1"/>
  </si>
  <si>
    <t>※通常の業務日１日分の配置計画を記載するもののため、業務従事者賃金支給計画書で記載したすべての業務従事者について記載する必要はありません。</t>
    <phoneticPr fontId="1"/>
  </si>
  <si>
    <t>Ａ</t>
    <phoneticPr fontId="1"/>
  </si>
  <si>
    <t>Ｂ</t>
    <phoneticPr fontId="1"/>
  </si>
  <si>
    <t>Ｃ</t>
    <phoneticPr fontId="1"/>
  </si>
  <si>
    <r>
      <t xml:space="preserve">※この様式により難いときは、この様式に準じた別の様式を用いることができる。
</t>
    </r>
    <r>
      <rPr>
        <u/>
        <sz val="11"/>
        <color rgb="FFFF0000"/>
        <rFont val="ＭＳ Ｐ明朝"/>
        <family val="1"/>
        <charset val="128"/>
      </rPr>
      <t>※電子メールによる提出を可とする。送信先等の提出方法は札幌市の指示に従うこと。</t>
    </r>
    <rPh sb="3" eb="5">
      <t>ヨウシキ</t>
    </rPh>
    <rPh sb="8" eb="9">
      <t>ガタ</t>
    </rPh>
    <rPh sb="16" eb="18">
      <t>ヨウシキ</t>
    </rPh>
    <rPh sb="19" eb="20">
      <t>ジュン</t>
    </rPh>
    <rPh sb="22" eb="23">
      <t>ベツ</t>
    </rPh>
    <rPh sb="24" eb="26">
      <t>ヨウシキ</t>
    </rPh>
    <rPh sb="27" eb="28">
      <t>モ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6" x14ac:knownFonts="1">
    <font>
      <sz val="11"/>
      <name val="ＭＳ Ｐゴシック"/>
      <family val="3"/>
      <charset val="128"/>
    </font>
    <font>
      <sz val="6"/>
      <name val="ＭＳ Ｐゴシック"/>
      <family val="3"/>
      <charset val="128"/>
    </font>
    <font>
      <sz val="12"/>
      <name val="ＭＳ Ｐ明朝"/>
      <family val="1"/>
      <charset val="128"/>
    </font>
    <font>
      <sz val="10"/>
      <name val="ＭＳ Ｐ明朝"/>
      <family val="1"/>
      <charset val="128"/>
    </font>
    <font>
      <sz val="9"/>
      <name val="ＭＳ Ｐ明朝"/>
      <family val="1"/>
      <charset val="128"/>
    </font>
    <font>
      <sz val="11"/>
      <name val="ＭＳ Ｐ明朝"/>
      <family val="1"/>
      <charset val="128"/>
    </font>
    <font>
      <b/>
      <sz val="16"/>
      <name val="ＭＳ Ｐ明朝"/>
      <family val="1"/>
      <charset val="128"/>
    </font>
    <font>
      <sz val="11"/>
      <color indexed="22"/>
      <name val="ＭＳ Ｐ明朝"/>
      <family val="1"/>
      <charset val="128"/>
    </font>
    <font>
      <sz val="12"/>
      <name val="ＭＳ ゴシック"/>
      <family val="3"/>
      <charset val="128"/>
    </font>
    <font>
      <u/>
      <sz val="12"/>
      <name val="ＭＳ Ｐ明朝"/>
      <family val="1"/>
      <charset val="128"/>
    </font>
    <font>
      <sz val="9"/>
      <name val="ＭＳ 明朝"/>
      <family val="1"/>
      <charset val="128"/>
    </font>
    <font>
      <b/>
      <i/>
      <sz val="9"/>
      <name val="ＭＳ 明朝"/>
      <family val="1"/>
      <charset val="128"/>
    </font>
    <font>
      <b/>
      <i/>
      <u/>
      <sz val="12"/>
      <name val="ＭＳ Ｐ明朝"/>
      <family val="1"/>
      <charset val="128"/>
    </font>
    <font>
      <b/>
      <i/>
      <sz val="11"/>
      <name val="ＭＳ Ｐ明朝"/>
      <family val="1"/>
      <charset val="128"/>
    </font>
    <font>
      <b/>
      <i/>
      <sz val="11"/>
      <name val="ＭＳ 明朝"/>
      <family val="1"/>
      <charset val="128"/>
    </font>
    <font>
      <u/>
      <sz val="11"/>
      <color rgb="FFFF0000"/>
      <name val="ＭＳ Ｐ明朝"/>
      <family val="1"/>
      <charset val="128"/>
    </font>
  </fonts>
  <fills count="3">
    <fill>
      <patternFill patternType="none"/>
    </fill>
    <fill>
      <patternFill patternType="gray125"/>
    </fill>
    <fill>
      <patternFill patternType="lightUp"/>
    </fill>
  </fills>
  <borders count="67">
    <border>
      <left/>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style="medium">
        <color indexed="64"/>
      </left>
      <right style="dotted">
        <color indexed="64"/>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diagonal/>
    </border>
    <border>
      <left style="thin">
        <color indexed="64"/>
      </left>
      <right/>
      <top/>
      <bottom style="medium">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right style="medium">
        <color indexed="64"/>
      </right>
      <top/>
      <bottom/>
      <diagonal/>
    </border>
    <border>
      <left/>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style="thin">
        <color indexed="64"/>
      </bottom>
      <diagonal/>
    </border>
    <border>
      <left style="dotted">
        <color indexed="64"/>
      </left>
      <right style="dotted">
        <color indexed="64"/>
      </right>
      <top style="medium">
        <color indexed="64"/>
      </top>
      <bottom style="medium">
        <color indexed="64"/>
      </bottom>
      <diagonal/>
    </border>
    <border>
      <left/>
      <right style="thin">
        <color indexed="64"/>
      </right>
      <top style="thin">
        <color indexed="64"/>
      </top>
      <bottom style="thin">
        <color indexed="64"/>
      </bottom>
      <diagonal/>
    </border>
    <border>
      <left/>
      <right style="thin">
        <color indexed="64"/>
      </right>
      <top/>
      <bottom style="medium">
        <color indexed="64"/>
      </bottom>
      <diagonal/>
    </border>
    <border>
      <left style="dotted">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hair">
        <color indexed="64"/>
      </left>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style="hair">
        <color indexed="64"/>
      </left>
      <right/>
      <top/>
      <bottom/>
      <diagonal/>
    </border>
    <border>
      <left style="thin">
        <color indexed="64"/>
      </left>
      <right style="hair">
        <color indexed="64"/>
      </right>
      <top/>
      <bottom/>
      <diagonal/>
    </border>
    <border>
      <left/>
      <right style="thin">
        <color indexed="64"/>
      </right>
      <top/>
      <bottom/>
      <diagonal/>
    </border>
    <border>
      <left/>
      <right/>
      <top style="double">
        <color indexed="64"/>
      </top>
      <bottom style="medium">
        <color indexed="64"/>
      </bottom>
      <diagonal/>
    </border>
    <border>
      <left style="medium">
        <color indexed="64"/>
      </left>
      <right/>
      <top style="thin">
        <color indexed="64"/>
      </top>
      <bottom style="double">
        <color indexed="64"/>
      </bottom>
      <diagonal/>
    </border>
    <border>
      <left/>
      <right style="medium">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dotted">
        <color indexed="64"/>
      </left>
      <right/>
      <top/>
      <bottom style="double">
        <color indexed="64"/>
      </bottom>
      <diagonal/>
    </border>
    <border>
      <left style="thin">
        <color indexed="64"/>
      </left>
      <right style="dotted">
        <color indexed="64"/>
      </right>
      <top/>
      <bottom style="double">
        <color indexed="64"/>
      </bottom>
      <diagonal/>
    </border>
    <border>
      <left style="dotted">
        <color indexed="64"/>
      </left>
      <right/>
      <top/>
      <bottom/>
      <diagonal/>
    </border>
    <border>
      <left style="thin">
        <color indexed="64"/>
      </left>
      <right style="dotted">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dotted">
        <color indexed="64"/>
      </right>
      <top/>
      <bottom/>
      <diagonal/>
    </border>
    <border>
      <left style="thin">
        <color indexed="64"/>
      </left>
      <right style="thin">
        <color indexed="64"/>
      </right>
      <top/>
      <bottom/>
      <diagonal/>
    </border>
    <border>
      <left/>
      <right/>
      <top style="medium">
        <color indexed="64"/>
      </top>
      <bottom style="thin">
        <color indexed="64"/>
      </bottom>
      <diagonal/>
    </border>
    <border>
      <left style="dotted">
        <color indexed="64"/>
      </left>
      <right/>
      <top/>
      <bottom style="medium">
        <color indexed="64"/>
      </bottom>
      <diagonal/>
    </border>
    <border>
      <left style="dotted">
        <color indexed="64"/>
      </left>
      <right/>
      <top style="double">
        <color indexed="64"/>
      </top>
      <bottom style="medium">
        <color indexed="64"/>
      </bottom>
      <diagonal/>
    </border>
    <border>
      <left style="thin">
        <color indexed="64"/>
      </left>
      <right style="medium">
        <color indexed="64"/>
      </right>
      <top style="thin">
        <color indexed="64"/>
      </top>
      <bottom/>
      <diagonal/>
    </border>
    <border diagonalUp="1">
      <left style="thin">
        <color indexed="64"/>
      </left>
      <right style="medium">
        <color indexed="64"/>
      </right>
      <top style="double">
        <color indexed="64"/>
      </top>
      <bottom style="medium">
        <color indexed="64"/>
      </bottom>
      <diagonal style="thin">
        <color indexed="64"/>
      </diagonal>
    </border>
    <border>
      <left style="thin">
        <color indexed="64"/>
      </left>
      <right style="dotted">
        <color indexed="64"/>
      </right>
      <top style="medium">
        <color indexed="64"/>
      </top>
      <bottom style="thin">
        <color indexed="64"/>
      </bottom>
      <diagonal/>
    </border>
    <border>
      <left/>
      <right style="thin">
        <color indexed="64"/>
      </right>
      <top style="medium">
        <color indexed="64"/>
      </top>
      <bottom style="thin">
        <color indexed="64"/>
      </bottom>
      <diagonal/>
    </border>
    <border>
      <left style="dotted">
        <color indexed="64"/>
      </left>
      <right/>
      <top/>
      <bottom style="thin">
        <color indexed="64"/>
      </bottom>
      <diagonal/>
    </border>
    <border>
      <left style="medium">
        <color indexed="64"/>
      </left>
      <right/>
      <top style="double">
        <color indexed="64"/>
      </top>
      <bottom/>
      <diagonal/>
    </border>
    <border>
      <left style="dotted">
        <color indexed="64"/>
      </left>
      <right/>
      <top style="double">
        <color indexed="64"/>
      </top>
      <bottom/>
      <diagonal/>
    </border>
    <border diagonalUp="1">
      <left style="thin">
        <color indexed="64"/>
      </left>
      <right style="medium">
        <color indexed="64"/>
      </right>
      <top style="double">
        <color indexed="64"/>
      </top>
      <bottom/>
      <diagonal style="thin">
        <color indexed="64"/>
      </diagonal>
    </border>
    <border>
      <left style="thin">
        <color indexed="64"/>
      </left>
      <right/>
      <top style="thin">
        <color indexed="64"/>
      </top>
      <bottom style="double">
        <color indexed="64"/>
      </bottom>
      <diagonal/>
    </border>
  </borders>
  <cellStyleXfs count="1">
    <xf numFmtId="0" fontId="0" fillId="0" borderId="0"/>
  </cellStyleXfs>
  <cellXfs count="165">
    <xf numFmtId="0" fontId="0" fillId="0" borderId="0" xfId="0"/>
    <xf numFmtId="0" fontId="5" fillId="0" borderId="0" xfId="0" applyFont="1"/>
    <xf numFmtId="0" fontId="2" fillId="0" borderId="0" xfId="0" applyFont="1"/>
    <xf numFmtId="0" fontId="5" fillId="0" borderId="0" xfId="0" applyFont="1" applyBorder="1"/>
    <xf numFmtId="0" fontId="2" fillId="0" borderId="0" xfId="0" applyFont="1" applyBorder="1"/>
    <xf numFmtId="0" fontId="6" fillId="0" borderId="0" xfId="0" applyFont="1"/>
    <xf numFmtId="0" fontId="5" fillId="0" borderId="0" xfId="0" applyFont="1" applyAlignment="1">
      <alignment wrapText="1"/>
    </xf>
    <xf numFmtId="0" fontId="2" fillId="0" borderId="0" xfId="0" applyFont="1" applyAlignment="1">
      <alignment horizontal="center"/>
    </xf>
    <xf numFmtId="0" fontId="8" fillId="0" borderId="0" xfId="0" applyFont="1" applyAlignment="1">
      <alignment horizontal="right"/>
    </xf>
    <xf numFmtId="0" fontId="5" fillId="0" borderId="0" xfId="0" applyFont="1" applyAlignment="1">
      <alignment horizontal="right" vertical="center"/>
    </xf>
    <xf numFmtId="0" fontId="5" fillId="0" borderId="10" xfId="0" applyFont="1" applyBorder="1" applyAlignment="1">
      <alignment horizontal="center"/>
    </xf>
    <xf numFmtId="0" fontId="5" fillId="0" borderId="11" xfId="0" applyFont="1" applyBorder="1" applyAlignment="1">
      <alignment horizontal="center" vertical="center"/>
    </xf>
    <xf numFmtId="0" fontId="5" fillId="0" borderId="13" xfId="0" applyFont="1" applyBorder="1" applyAlignment="1">
      <alignment horizontal="center"/>
    </xf>
    <xf numFmtId="0" fontId="5" fillId="0" borderId="14" xfId="0" applyFont="1" applyBorder="1" applyAlignment="1">
      <alignment horizontal="center" vertical="center"/>
    </xf>
    <xf numFmtId="0" fontId="4" fillId="0" borderId="21" xfId="0" applyFont="1" applyBorder="1" applyAlignment="1">
      <alignment horizontal="left" wrapText="1"/>
    </xf>
    <xf numFmtId="0" fontId="4" fillId="0" borderId="9" xfId="0" applyFont="1" applyBorder="1" applyAlignment="1">
      <alignment horizontal="left" wrapText="1"/>
    </xf>
    <xf numFmtId="0" fontId="4" fillId="0" borderId="5" xfId="0" applyFont="1" applyBorder="1" applyAlignment="1">
      <alignment horizontal="left" wrapText="1"/>
    </xf>
    <xf numFmtId="0" fontId="4" fillId="0" borderId="6" xfId="0" applyFont="1" applyBorder="1" applyAlignment="1">
      <alignment horizontal="left" wrapText="1"/>
    </xf>
    <xf numFmtId="0" fontId="5" fillId="0" borderId="19" xfId="0" applyFont="1" applyBorder="1" applyAlignment="1">
      <alignment horizontal="center"/>
    </xf>
    <xf numFmtId="0" fontId="5" fillId="0" borderId="0" xfId="0" applyFont="1" applyFill="1" applyBorder="1"/>
    <xf numFmtId="0" fontId="5" fillId="0" borderId="23" xfId="0" applyFont="1" applyBorder="1" applyAlignment="1">
      <alignment horizontal="center"/>
    </xf>
    <xf numFmtId="0" fontId="5" fillId="0" borderId="17" xfId="0" applyFont="1" applyBorder="1"/>
    <xf numFmtId="0" fontId="5" fillId="0" borderId="17" xfId="0" applyFont="1" applyFill="1" applyBorder="1"/>
    <xf numFmtId="0" fontId="5" fillId="0" borderId="25" xfId="0" applyFont="1" applyBorder="1"/>
    <xf numFmtId="0" fontId="5" fillId="0" borderId="25" xfId="0" applyFont="1" applyFill="1" applyBorder="1"/>
    <xf numFmtId="0" fontId="5" fillId="0" borderId="27" xfId="0" applyFont="1" applyBorder="1"/>
    <xf numFmtId="0" fontId="5" fillId="0" borderId="28" xfId="0" applyFont="1" applyBorder="1"/>
    <xf numFmtId="0" fontId="5" fillId="0" borderId="27" xfId="0" applyFont="1" applyFill="1" applyBorder="1"/>
    <xf numFmtId="0" fontId="5" fillId="0" borderId="28" xfId="0" applyFont="1" applyFill="1" applyBorder="1"/>
    <xf numFmtId="0" fontId="2" fillId="0" borderId="9" xfId="0" applyFont="1" applyBorder="1" applyAlignment="1">
      <alignment wrapText="1"/>
    </xf>
    <xf numFmtId="0" fontId="9" fillId="0" borderId="9" xfId="0" applyFont="1" applyBorder="1" applyAlignment="1">
      <alignment vertical="center"/>
    </xf>
    <xf numFmtId="0" fontId="4" fillId="0" borderId="7" xfId="0" applyFont="1" applyBorder="1" applyAlignment="1">
      <alignment horizontal="left" wrapText="1"/>
    </xf>
    <xf numFmtId="0" fontId="4" fillId="0" borderId="16" xfId="0" applyFont="1" applyBorder="1" applyAlignment="1">
      <alignment horizontal="left" wrapText="1"/>
    </xf>
    <xf numFmtId="0" fontId="4" fillId="0" borderId="26" xfId="0" applyFont="1" applyBorder="1" applyAlignment="1">
      <alignment horizontal="left" wrapText="1"/>
    </xf>
    <xf numFmtId="0" fontId="4" fillId="0" borderId="8" xfId="0" applyFont="1" applyBorder="1" applyAlignment="1">
      <alignment horizontal="left" wrapText="1"/>
    </xf>
    <xf numFmtId="0" fontId="2" fillId="0" borderId="0" xfId="0" applyFont="1" applyAlignment="1">
      <alignment vertical="center" wrapText="1"/>
    </xf>
    <xf numFmtId="0" fontId="2" fillId="0" borderId="0" xfId="0" applyFont="1" applyAlignment="1">
      <alignment vertical="center"/>
    </xf>
    <xf numFmtId="0" fontId="5" fillId="0" borderId="0" xfId="0" applyFont="1" applyAlignment="1">
      <alignment vertical="center"/>
    </xf>
    <xf numFmtId="0" fontId="5" fillId="0" borderId="34" xfId="0" applyFont="1" applyBorder="1"/>
    <xf numFmtId="0" fontId="5" fillId="0" borderId="35" xfId="0" applyFont="1" applyBorder="1"/>
    <xf numFmtId="0" fontId="5" fillId="0" borderId="34" xfId="0" applyFont="1" applyFill="1" applyBorder="1"/>
    <xf numFmtId="0" fontId="5" fillId="0" borderId="35" xfId="0" applyFont="1" applyFill="1" applyBorder="1"/>
    <xf numFmtId="0" fontId="5" fillId="0" borderId="36" xfId="0" applyFont="1" applyBorder="1"/>
    <xf numFmtId="0" fontId="5" fillId="0" borderId="36" xfId="0" applyFont="1" applyFill="1" applyBorder="1"/>
    <xf numFmtId="0" fontId="7" fillId="2" borderId="1" xfId="0" applyFont="1" applyFill="1" applyBorder="1"/>
    <xf numFmtId="0" fontId="7" fillId="2" borderId="2" xfId="0" applyFont="1" applyFill="1" applyBorder="1"/>
    <xf numFmtId="0" fontId="5" fillId="0" borderId="37" xfId="0" applyFont="1" applyFill="1" applyBorder="1"/>
    <xf numFmtId="0" fontId="5" fillId="0" borderId="38" xfId="0" applyFont="1" applyFill="1" applyBorder="1"/>
    <xf numFmtId="0" fontId="5" fillId="0" borderId="39" xfId="0" applyFont="1" applyFill="1" applyBorder="1"/>
    <xf numFmtId="0" fontId="5" fillId="0" borderId="40" xfId="0" applyFont="1" applyFill="1" applyBorder="1"/>
    <xf numFmtId="0" fontId="5" fillId="0" borderId="30" xfId="0" applyFont="1" applyBorder="1" applyAlignment="1">
      <alignment horizontal="center"/>
    </xf>
    <xf numFmtId="0" fontId="5" fillId="0" borderId="47" xfId="0" applyFont="1" applyFill="1" applyBorder="1"/>
    <xf numFmtId="0" fontId="5" fillId="0" borderId="48" xfId="0" applyFont="1" applyFill="1" applyBorder="1"/>
    <xf numFmtId="0" fontId="7" fillId="2" borderId="24" xfId="0" applyFont="1" applyFill="1" applyBorder="1"/>
    <xf numFmtId="0" fontId="5" fillId="0" borderId="37" xfId="0" applyFont="1" applyBorder="1"/>
    <xf numFmtId="0" fontId="5" fillId="0" borderId="49" xfId="0" applyFont="1" applyBorder="1"/>
    <xf numFmtId="0" fontId="5" fillId="0" borderId="50" xfId="0" applyFont="1" applyBorder="1"/>
    <xf numFmtId="0" fontId="5" fillId="0" borderId="40" xfId="0" applyFont="1" applyBorder="1"/>
    <xf numFmtId="0" fontId="5" fillId="0" borderId="38" xfId="0" applyFont="1" applyBorder="1"/>
    <xf numFmtId="0" fontId="5" fillId="0" borderId="39" xfId="0" applyFont="1" applyBorder="1"/>
    <xf numFmtId="0" fontId="5" fillId="0" borderId="49" xfId="0" applyFont="1" applyBorder="1" applyAlignment="1">
      <alignment vertical="center"/>
    </xf>
    <xf numFmtId="0" fontId="5" fillId="0" borderId="27" xfId="0" applyFont="1" applyBorder="1" applyAlignment="1">
      <alignment vertical="center"/>
    </xf>
    <xf numFmtId="0" fontId="5" fillId="0" borderId="57" xfId="0" applyFont="1" applyBorder="1" applyAlignment="1">
      <alignment vertical="center"/>
    </xf>
    <xf numFmtId="0" fontId="5" fillId="0" borderId="59" xfId="0" applyFont="1" applyBorder="1" applyAlignment="1">
      <alignment vertical="center"/>
    </xf>
    <xf numFmtId="0" fontId="11" fillId="0" borderId="51" xfId="0" applyFont="1" applyBorder="1" applyAlignment="1">
      <alignment horizontal="right" vertical="center" wrapText="1"/>
    </xf>
    <xf numFmtId="0" fontId="11" fillId="0" borderId="42" xfId="0" applyFont="1" applyBorder="1" applyAlignment="1">
      <alignment horizontal="right" vertical="center" wrapText="1"/>
    </xf>
    <xf numFmtId="0" fontId="11" fillId="0" borderId="7" xfId="0" applyFont="1" applyBorder="1" applyAlignment="1">
      <alignment horizontal="right" vertical="center" wrapText="1"/>
    </xf>
    <xf numFmtId="0" fontId="8" fillId="0" borderId="0" xfId="0" applyFont="1" applyBorder="1" applyAlignment="1">
      <alignment horizontal="right"/>
    </xf>
    <xf numFmtId="0" fontId="6" fillId="0" borderId="0" xfId="0" applyFont="1" applyBorder="1"/>
    <xf numFmtId="0" fontId="2" fillId="0" borderId="0" xfId="0" applyFont="1" applyBorder="1" applyAlignment="1">
      <alignment vertical="center" wrapText="1"/>
    </xf>
    <xf numFmtId="0" fontId="5" fillId="0" borderId="0" xfId="0" applyFont="1" applyBorder="1" applyAlignment="1">
      <alignment vertical="center"/>
    </xf>
    <xf numFmtId="0" fontId="5" fillId="0" borderId="0" xfId="0" applyFont="1" applyBorder="1" applyAlignment="1">
      <alignment horizontal="right" vertical="center"/>
    </xf>
    <xf numFmtId="0" fontId="5" fillId="0" borderId="0" xfId="0" applyFont="1" applyBorder="1" applyAlignment="1">
      <alignment wrapText="1"/>
    </xf>
    <xf numFmtId="0" fontId="13" fillId="0" borderId="10" xfId="0" applyFont="1" applyBorder="1" applyAlignment="1">
      <alignment horizontal="center" vertical="center"/>
    </xf>
    <xf numFmtId="0" fontId="5" fillId="0" borderId="60" xfId="0" applyFont="1" applyBorder="1"/>
    <xf numFmtId="0" fontId="5" fillId="0" borderId="61" xfId="0" applyFont="1" applyBorder="1"/>
    <xf numFmtId="0" fontId="13" fillId="0" borderId="19" xfId="0" applyFont="1" applyBorder="1" applyAlignment="1">
      <alignment horizontal="right" vertical="center"/>
    </xf>
    <xf numFmtId="0" fontId="13" fillId="0" borderId="49" xfId="0" applyFont="1" applyBorder="1" applyAlignment="1">
      <alignment horizontal="right" vertical="center"/>
    </xf>
    <xf numFmtId="0" fontId="13" fillId="0" borderId="11" xfId="0" applyFont="1" applyBorder="1" applyAlignment="1">
      <alignment horizontal="center" vertical="center"/>
    </xf>
    <xf numFmtId="0" fontId="13" fillId="0" borderId="13" xfId="0" applyFont="1" applyBorder="1" applyAlignment="1">
      <alignment horizontal="center" vertical="center"/>
    </xf>
    <xf numFmtId="0" fontId="5" fillId="0" borderId="62" xfId="0" applyFont="1" applyBorder="1"/>
    <xf numFmtId="0" fontId="13" fillId="0" borderId="23" xfId="0" applyFont="1" applyBorder="1" applyAlignment="1">
      <alignment horizontal="right" vertical="center"/>
    </xf>
    <xf numFmtId="0" fontId="13" fillId="0" borderId="27" xfId="0" applyFont="1" applyBorder="1" applyAlignment="1">
      <alignment horizontal="right" vertical="center"/>
    </xf>
    <xf numFmtId="0" fontId="13" fillId="0" borderId="14" xfId="0" applyFont="1" applyBorder="1" applyAlignment="1">
      <alignment horizontal="center" vertical="center"/>
    </xf>
    <xf numFmtId="0" fontId="5" fillId="2" borderId="37" xfId="0" applyFont="1" applyFill="1" applyBorder="1"/>
    <xf numFmtId="0" fontId="5" fillId="2" borderId="49" xfId="0" applyFont="1" applyFill="1" applyBorder="1"/>
    <xf numFmtId="0" fontId="5" fillId="0" borderId="13" xfId="0" applyFont="1" applyBorder="1" applyAlignment="1">
      <alignment horizontal="center" vertical="center"/>
    </xf>
    <xf numFmtId="0" fontId="5" fillId="0" borderId="23" xfId="0" applyFont="1" applyBorder="1" applyAlignment="1">
      <alignment horizontal="right" vertical="center"/>
    </xf>
    <xf numFmtId="0" fontId="5" fillId="0" borderId="27" xfId="0" applyFont="1" applyBorder="1" applyAlignment="1">
      <alignment horizontal="right" vertical="center"/>
    </xf>
    <xf numFmtId="0" fontId="5" fillId="0" borderId="10" xfId="0" applyFont="1" applyBorder="1" applyAlignment="1">
      <alignment horizontal="center" vertical="center"/>
    </xf>
    <xf numFmtId="0" fontId="5" fillId="0" borderId="19" xfId="0" applyFont="1" applyBorder="1" applyAlignment="1">
      <alignment horizontal="right" vertical="center"/>
    </xf>
    <xf numFmtId="0" fontId="5" fillId="0" borderId="49" xfId="0" applyFont="1" applyBorder="1" applyAlignment="1">
      <alignment horizontal="right" vertical="center"/>
    </xf>
    <xf numFmtId="176" fontId="13" fillId="0" borderId="63" xfId="0" applyNumberFormat="1" applyFont="1" applyBorder="1" applyAlignment="1">
      <alignment horizontal="right" vertical="center"/>
    </xf>
    <xf numFmtId="0" fontId="13" fillId="0" borderId="64" xfId="0" applyFont="1" applyBorder="1" applyAlignment="1">
      <alignment horizontal="right" vertical="center"/>
    </xf>
    <xf numFmtId="0" fontId="5" fillId="0" borderId="65" xfId="0" applyFont="1" applyBorder="1" applyAlignment="1">
      <alignment vertical="center"/>
    </xf>
    <xf numFmtId="0" fontId="14" fillId="0" borderId="51" xfId="0" applyFont="1" applyBorder="1" applyAlignment="1">
      <alignment horizontal="right" vertical="center" wrapText="1"/>
    </xf>
    <xf numFmtId="0" fontId="14" fillId="0" borderId="42" xfId="0" applyFont="1" applyBorder="1" applyAlignment="1">
      <alignment horizontal="right" vertical="center" wrapText="1"/>
    </xf>
    <xf numFmtId="0" fontId="14" fillId="0" borderId="7" xfId="0" applyFont="1" applyBorder="1" applyAlignment="1">
      <alignment horizontal="right" vertical="center" wrapText="1"/>
    </xf>
    <xf numFmtId="0" fontId="5" fillId="0" borderId="14" xfId="0" applyFont="1" applyBorder="1" applyAlignment="1">
      <alignment vertical="center"/>
    </xf>
    <xf numFmtId="0" fontId="5" fillId="0" borderId="11" xfId="0" applyFont="1" applyBorder="1" applyAlignment="1">
      <alignment vertical="center"/>
    </xf>
    <xf numFmtId="0" fontId="5" fillId="0" borderId="21" xfId="0" applyFont="1" applyBorder="1" applyAlignment="1">
      <alignment horizontal="left" vertical="top" wrapText="1"/>
    </xf>
    <xf numFmtId="0" fontId="5" fillId="0" borderId="21" xfId="0" applyFont="1" applyBorder="1" applyAlignment="1">
      <alignment horizontal="left" vertical="top"/>
    </xf>
    <xf numFmtId="0" fontId="4" fillId="0" borderId="0" xfId="0" applyFont="1" applyBorder="1" applyAlignment="1">
      <alignment horizontal="left" wrapText="1"/>
    </xf>
    <xf numFmtId="0" fontId="3" fillId="0" borderId="49" xfId="0" applyFont="1" applyBorder="1" applyAlignment="1">
      <alignment horizontal="center" vertical="center" wrapText="1"/>
    </xf>
    <xf numFmtId="0" fontId="3" fillId="0" borderId="56" xfId="0" applyFont="1" applyBorder="1" applyAlignment="1">
      <alignment horizontal="center" vertical="center" wrapText="1"/>
    </xf>
    <xf numFmtId="0" fontId="5" fillId="0" borderId="45" xfId="0" applyFont="1" applyBorder="1" applyAlignment="1">
      <alignment horizontal="center"/>
    </xf>
    <xf numFmtId="0" fontId="5" fillId="0" borderId="18" xfId="0" applyFont="1" applyBorder="1" applyAlignment="1">
      <alignment horizontal="center"/>
    </xf>
    <xf numFmtId="0" fontId="5" fillId="0" borderId="54" xfId="0" applyFont="1" applyBorder="1" applyAlignment="1">
      <alignment horizontal="center"/>
    </xf>
    <xf numFmtId="0" fontId="5" fillId="0" borderId="16" xfId="0" applyFont="1" applyBorder="1" applyAlignment="1">
      <alignment horizontal="center"/>
    </xf>
    <xf numFmtId="0" fontId="5" fillId="0" borderId="26" xfId="0" applyFont="1" applyBorder="1" applyAlignment="1">
      <alignment horizontal="center"/>
    </xf>
    <xf numFmtId="0" fontId="5" fillId="0" borderId="9" xfId="0" applyFont="1" applyBorder="1" applyAlignment="1">
      <alignment horizontal="center"/>
    </xf>
    <xf numFmtId="0" fontId="5" fillId="0" borderId="25" xfId="0" applyFont="1" applyBorder="1" applyAlignment="1">
      <alignment horizontal="center"/>
    </xf>
    <xf numFmtId="0" fontId="5" fillId="0" borderId="46" xfId="0" applyFont="1" applyBorder="1" applyAlignment="1">
      <alignment horizontal="center"/>
    </xf>
    <xf numFmtId="0" fontId="5" fillId="0" borderId="17" xfId="0" applyFont="1" applyBorder="1" applyAlignment="1">
      <alignment horizontal="center"/>
    </xf>
    <xf numFmtId="0" fontId="5" fillId="0" borderId="44" xfId="0" applyFont="1" applyBorder="1" applyAlignment="1">
      <alignment horizontal="center"/>
    </xf>
    <xf numFmtId="0" fontId="10" fillId="0" borderId="5" xfId="0" applyFont="1" applyBorder="1" applyAlignment="1">
      <alignment horizontal="center" vertical="center" wrapText="1"/>
    </xf>
    <xf numFmtId="0" fontId="10" fillId="0" borderId="7" xfId="0" applyFont="1" applyBorder="1" applyAlignment="1">
      <alignment horizontal="center" vertical="center" wrapText="1"/>
    </xf>
    <xf numFmtId="0" fontId="10" fillId="0" borderId="5" xfId="0" applyFont="1" applyBorder="1" applyAlignment="1">
      <alignment horizontal="left" vertical="center" wrapText="1"/>
    </xf>
    <xf numFmtId="0" fontId="10" fillId="0" borderId="6" xfId="0" applyFont="1" applyBorder="1" applyAlignment="1">
      <alignment horizontal="left" vertical="center" wrapText="1"/>
    </xf>
    <xf numFmtId="0" fontId="10" fillId="0" borderId="19" xfId="0" applyFont="1" applyBorder="1" applyAlignment="1">
      <alignment horizontal="left" vertical="center" wrapText="1"/>
    </xf>
    <xf numFmtId="0" fontId="10" fillId="0" borderId="20" xfId="0" applyFont="1" applyBorder="1" applyAlignment="1">
      <alignment horizontal="left" vertical="center" wrapText="1"/>
    </xf>
    <xf numFmtId="0" fontId="10" fillId="0" borderId="7" xfId="0" applyFont="1" applyBorder="1" applyAlignment="1">
      <alignment horizontal="left" vertical="center" wrapText="1"/>
    </xf>
    <xf numFmtId="0" fontId="10" fillId="0" borderId="8" xfId="0" applyFont="1" applyBorder="1" applyAlignment="1">
      <alignment horizontal="left" vertical="center" wrapText="1"/>
    </xf>
    <xf numFmtId="0" fontId="6" fillId="0" borderId="0" xfId="0" applyFont="1" applyAlignment="1">
      <alignment horizontal="center"/>
    </xf>
    <xf numFmtId="0" fontId="5" fillId="0" borderId="51" xfId="0" applyFont="1" applyBorder="1" applyAlignment="1">
      <alignment horizontal="center" vertical="center"/>
    </xf>
    <xf numFmtId="0" fontId="5" fillId="0" borderId="52" xfId="0" applyFont="1" applyBorder="1" applyAlignment="1">
      <alignment horizontal="center" vertical="center"/>
    </xf>
    <xf numFmtId="0" fontId="5" fillId="0" borderId="23" xfId="0" applyFont="1" applyBorder="1" applyAlignment="1">
      <alignment horizontal="center" vertical="center"/>
    </xf>
    <xf numFmtId="0" fontId="5" fillId="0" borderId="33" xfId="0" applyFont="1" applyBorder="1" applyAlignment="1">
      <alignment horizontal="center" vertical="center"/>
    </xf>
    <xf numFmtId="0" fontId="5" fillId="0" borderId="42" xfId="0" applyFont="1" applyBorder="1" applyAlignment="1">
      <alignment horizontal="center" vertical="center"/>
    </xf>
    <xf numFmtId="0" fontId="5" fillId="0" borderId="43" xfId="0" applyFont="1" applyBorder="1" applyAlignment="1">
      <alignment horizontal="center" vertical="center"/>
    </xf>
    <xf numFmtId="0" fontId="5" fillId="0" borderId="30" xfId="0" applyFont="1" applyBorder="1" applyAlignment="1">
      <alignment horizontal="center" vertical="center"/>
    </xf>
    <xf numFmtId="0" fontId="5" fillId="0" borderId="41" xfId="0" applyFont="1" applyBorder="1" applyAlignment="1">
      <alignment horizontal="center" vertical="center"/>
    </xf>
    <xf numFmtId="0" fontId="5" fillId="0" borderId="31"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15"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3"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4" xfId="0" applyFont="1" applyBorder="1" applyAlignment="1">
      <alignment horizontal="center" vertical="center" wrapText="1"/>
    </xf>
    <xf numFmtId="0" fontId="3" fillId="0" borderId="53"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58"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29" xfId="0" applyFont="1" applyBorder="1" applyAlignment="1">
      <alignment horizontal="center" vertical="center" wrapText="1"/>
    </xf>
    <xf numFmtId="0" fontId="4" fillId="0" borderId="55" xfId="0" applyFont="1" applyBorder="1" applyAlignment="1">
      <alignment horizontal="center" vertical="center" wrapText="1"/>
    </xf>
    <xf numFmtId="0" fontId="4" fillId="0" borderId="32" xfId="0" applyFont="1" applyBorder="1" applyAlignment="1">
      <alignment horizontal="center" vertical="center" wrapText="1"/>
    </xf>
    <xf numFmtId="0" fontId="5" fillId="0" borderId="40" xfId="0" applyFont="1" applyBorder="1" applyAlignment="1">
      <alignment horizontal="center"/>
    </xf>
    <xf numFmtId="0" fontId="5" fillId="0" borderId="37" xfId="0" applyFont="1" applyBorder="1" applyAlignment="1">
      <alignment horizontal="center"/>
    </xf>
    <xf numFmtId="0" fontId="13" fillId="0" borderId="9" xfId="0" applyFont="1" applyBorder="1" applyAlignment="1">
      <alignment horizontal="right" vertical="center"/>
    </xf>
    <xf numFmtId="0" fontId="13" fillId="0" borderId="26" xfId="0" applyFont="1" applyBorder="1" applyAlignment="1">
      <alignment horizontal="right" vertical="center"/>
    </xf>
    <xf numFmtId="0" fontId="13" fillId="0" borderId="45" xfId="0" applyFont="1" applyBorder="1" applyAlignment="1">
      <alignment horizontal="right" vertical="center"/>
    </xf>
    <xf numFmtId="0" fontId="13" fillId="0" borderId="66" xfId="0" applyFont="1" applyBorder="1" applyAlignment="1">
      <alignment horizontal="right" vertical="center"/>
    </xf>
    <xf numFmtId="0" fontId="13" fillId="0" borderId="44" xfId="0" applyFont="1" applyBorder="1" applyAlignment="1">
      <alignment horizontal="right" vertical="center"/>
    </xf>
    <xf numFmtId="0" fontId="13" fillId="0" borderId="18" xfId="0" applyFont="1" applyBorder="1" applyAlignment="1">
      <alignment horizontal="right" vertical="center"/>
    </xf>
    <xf numFmtId="0" fontId="13" fillId="0" borderId="25" xfId="0" applyFont="1" applyBorder="1" applyAlignment="1">
      <alignment horizontal="right" vertical="center"/>
    </xf>
    <xf numFmtId="0" fontId="13" fillId="0" borderId="54" xfId="0" applyFont="1" applyBorder="1" applyAlignment="1">
      <alignment horizontal="right" vertical="center"/>
    </xf>
    <xf numFmtId="0" fontId="13" fillId="0" borderId="40" xfId="0" applyFont="1" applyBorder="1" applyAlignment="1">
      <alignment horizontal="right" vertical="center"/>
    </xf>
    <xf numFmtId="0" fontId="13" fillId="0" borderId="37" xfId="0" applyFont="1" applyBorder="1" applyAlignment="1">
      <alignment horizontal="right" vertical="center"/>
    </xf>
    <xf numFmtId="0" fontId="13" fillId="0" borderId="17" xfId="0" applyFont="1" applyBorder="1" applyAlignment="1">
      <alignment horizontal="right" vertical="center"/>
    </xf>
    <xf numFmtId="0" fontId="6" fillId="0" borderId="0"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6</xdr:col>
      <xdr:colOff>9524</xdr:colOff>
      <xdr:row>3</xdr:row>
      <xdr:rowOff>136524</xdr:rowOff>
    </xdr:from>
    <xdr:to>
      <xdr:col>38</xdr:col>
      <xdr:colOff>161924</xdr:colOff>
      <xdr:row>3</xdr:row>
      <xdr:rowOff>136524</xdr:rowOff>
    </xdr:to>
    <xdr:sp macro="" textlink="">
      <xdr:nvSpPr>
        <xdr:cNvPr id="19466" name="Line 4">
          <a:extLst>
            <a:ext uri="{FF2B5EF4-FFF2-40B4-BE49-F238E27FC236}">
              <a16:creationId xmlns:a16="http://schemas.microsoft.com/office/drawing/2014/main" id="{00000000-0008-0000-0000-00000A4C0000}"/>
            </a:ext>
          </a:extLst>
        </xdr:cNvPr>
        <xdr:cNvSpPr>
          <a:spLocks noChangeShapeType="1"/>
        </xdr:cNvSpPr>
      </xdr:nvSpPr>
      <xdr:spPr bwMode="auto">
        <a:xfrm flipV="1">
          <a:off x="7210424" y="746124"/>
          <a:ext cx="47625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4</xdr:col>
      <xdr:colOff>117475</xdr:colOff>
      <xdr:row>3</xdr:row>
      <xdr:rowOff>0</xdr:rowOff>
    </xdr:from>
    <xdr:to>
      <xdr:col>53</xdr:col>
      <xdr:colOff>568325</xdr:colOff>
      <xdr:row>5</xdr:row>
      <xdr:rowOff>9525</xdr:rowOff>
    </xdr:to>
    <xdr:sp macro="" textlink="">
      <xdr:nvSpPr>
        <xdr:cNvPr id="19468" name="AutoShape 6">
          <a:extLst>
            <a:ext uri="{FF2B5EF4-FFF2-40B4-BE49-F238E27FC236}">
              <a16:creationId xmlns:a16="http://schemas.microsoft.com/office/drawing/2014/main" id="{00000000-0008-0000-0000-00000C4C0000}"/>
            </a:ext>
          </a:extLst>
        </xdr:cNvPr>
        <xdr:cNvSpPr>
          <a:spLocks noChangeArrowheads="1"/>
        </xdr:cNvSpPr>
      </xdr:nvSpPr>
      <xdr:spPr bwMode="auto">
        <a:xfrm>
          <a:off x="6994525" y="609600"/>
          <a:ext cx="4003675" cy="46672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47</xdr:col>
      <xdr:colOff>146049</xdr:colOff>
      <xdr:row>3</xdr:row>
      <xdr:rowOff>130174</xdr:rowOff>
    </xdr:from>
    <xdr:to>
      <xdr:col>50</xdr:col>
      <xdr:colOff>146049</xdr:colOff>
      <xdr:row>3</xdr:row>
      <xdr:rowOff>130174</xdr:rowOff>
    </xdr:to>
    <xdr:sp macro="" textlink="">
      <xdr:nvSpPr>
        <xdr:cNvPr id="18" name="Line 4">
          <a:extLst>
            <a:ext uri="{FF2B5EF4-FFF2-40B4-BE49-F238E27FC236}">
              <a16:creationId xmlns:a16="http://schemas.microsoft.com/office/drawing/2014/main" id="{00000000-0008-0000-0000-000012000000}"/>
            </a:ext>
          </a:extLst>
        </xdr:cNvPr>
        <xdr:cNvSpPr>
          <a:spLocks noChangeShapeType="1"/>
        </xdr:cNvSpPr>
      </xdr:nvSpPr>
      <xdr:spPr bwMode="auto">
        <a:xfrm flipV="1">
          <a:off x="9128124" y="739774"/>
          <a:ext cx="485775" cy="0"/>
        </a:xfrm>
        <a:prstGeom prst="line">
          <a:avLst/>
        </a:prstGeom>
        <a:noFill/>
        <a:ln w="25400">
          <a:solidFill>
            <a:srgbClr val="000000"/>
          </a:solidFill>
          <a:prstDash val="dash"/>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38</xdr:col>
      <xdr:colOff>9524</xdr:colOff>
      <xdr:row>6</xdr:row>
      <xdr:rowOff>136524</xdr:rowOff>
    </xdr:from>
    <xdr:to>
      <xdr:col>40</xdr:col>
      <xdr:colOff>161924</xdr:colOff>
      <xdr:row>6</xdr:row>
      <xdr:rowOff>136524</xdr:rowOff>
    </xdr:to>
    <xdr:sp macro="" textlink="">
      <xdr:nvSpPr>
        <xdr:cNvPr id="2" name="Line 4">
          <a:extLst>
            <a:ext uri="{FF2B5EF4-FFF2-40B4-BE49-F238E27FC236}">
              <a16:creationId xmlns:a16="http://schemas.microsoft.com/office/drawing/2014/main" id="{00000000-0008-0000-0100-000002000000}"/>
            </a:ext>
          </a:extLst>
        </xdr:cNvPr>
        <xdr:cNvSpPr>
          <a:spLocks noChangeShapeType="1"/>
        </xdr:cNvSpPr>
      </xdr:nvSpPr>
      <xdr:spPr bwMode="auto">
        <a:xfrm flipV="1">
          <a:off x="7162799" y="1260474"/>
          <a:ext cx="47625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6</xdr:col>
      <xdr:colOff>117475</xdr:colOff>
      <xdr:row>6</xdr:row>
      <xdr:rowOff>0</xdr:rowOff>
    </xdr:from>
    <xdr:to>
      <xdr:col>55</xdr:col>
      <xdr:colOff>568325</xdr:colOff>
      <xdr:row>8</xdr:row>
      <xdr:rowOff>9525</xdr:rowOff>
    </xdr:to>
    <xdr:sp macro="" textlink="">
      <xdr:nvSpPr>
        <xdr:cNvPr id="3" name="AutoShape 6">
          <a:extLst>
            <a:ext uri="{FF2B5EF4-FFF2-40B4-BE49-F238E27FC236}">
              <a16:creationId xmlns:a16="http://schemas.microsoft.com/office/drawing/2014/main" id="{00000000-0008-0000-0100-000003000000}"/>
            </a:ext>
          </a:extLst>
        </xdr:cNvPr>
        <xdr:cNvSpPr>
          <a:spLocks noChangeArrowheads="1"/>
        </xdr:cNvSpPr>
      </xdr:nvSpPr>
      <xdr:spPr bwMode="auto">
        <a:xfrm>
          <a:off x="6946900" y="1123950"/>
          <a:ext cx="4003675" cy="46672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49</xdr:col>
      <xdr:colOff>146049</xdr:colOff>
      <xdr:row>6</xdr:row>
      <xdr:rowOff>130174</xdr:rowOff>
    </xdr:from>
    <xdr:to>
      <xdr:col>52</xdr:col>
      <xdr:colOff>146049</xdr:colOff>
      <xdr:row>6</xdr:row>
      <xdr:rowOff>130174</xdr:rowOff>
    </xdr:to>
    <xdr:sp macro="" textlink="">
      <xdr:nvSpPr>
        <xdr:cNvPr id="4" name="Line 4">
          <a:extLst>
            <a:ext uri="{FF2B5EF4-FFF2-40B4-BE49-F238E27FC236}">
              <a16:creationId xmlns:a16="http://schemas.microsoft.com/office/drawing/2014/main" id="{00000000-0008-0000-0100-000004000000}"/>
            </a:ext>
          </a:extLst>
        </xdr:cNvPr>
        <xdr:cNvSpPr>
          <a:spLocks noChangeShapeType="1"/>
        </xdr:cNvSpPr>
      </xdr:nvSpPr>
      <xdr:spPr bwMode="auto">
        <a:xfrm flipV="1">
          <a:off x="9080499" y="1254124"/>
          <a:ext cx="485775" cy="0"/>
        </a:xfrm>
        <a:prstGeom prst="line">
          <a:avLst/>
        </a:prstGeom>
        <a:noFill/>
        <a:ln w="25400">
          <a:solidFill>
            <a:srgbClr val="000000"/>
          </a:solidFill>
          <a:prstDash val="dash"/>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0</xdr:col>
      <xdr:colOff>161924</xdr:colOff>
      <xdr:row>12</xdr:row>
      <xdr:rowOff>155574</xdr:rowOff>
    </xdr:from>
    <xdr:to>
      <xdr:col>30</xdr:col>
      <xdr:colOff>152400</xdr:colOff>
      <xdr:row>12</xdr:row>
      <xdr:rowOff>155574</xdr:rowOff>
    </xdr:to>
    <xdr:sp macro="" textlink="">
      <xdr:nvSpPr>
        <xdr:cNvPr id="6" name="Line 4">
          <a:extLst>
            <a:ext uri="{FF2B5EF4-FFF2-40B4-BE49-F238E27FC236}">
              <a16:creationId xmlns:a16="http://schemas.microsoft.com/office/drawing/2014/main" id="{00000000-0008-0000-0100-000006000000}"/>
            </a:ext>
          </a:extLst>
        </xdr:cNvPr>
        <xdr:cNvSpPr>
          <a:spLocks noChangeShapeType="1"/>
        </xdr:cNvSpPr>
      </xdr:nvSpPr>
      <xdr:spPr bwMode="auto">
        <a:xfrm flipV="1">
          <a:off x="4400549" y="2889249"/>
          <a:ext cx="1609726"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3</xdr:col>
      <xdr:colOff>19049</xdr:colOff>
      <xdr:row>17</xdr:row>
      <xdr:rowOff>165099</xdr:rowOff>
    </xdr:from>
    <xdr:to>
      <xdr:col>30</xdr:col>
      <xdr:colOff>152399</xdr:colOff>
      <xdr:row>17</xdr:row>
      <xdr:rowOff>165099</xdr:rowOff>
    </xdr:to>
    <xdr:sp macro="" textlink="">
      <xdr:nvSpPr>
        <xdr:cNvPr id="7" name="Line 4">
          <a:extLst>
            <a:ext uri="{FF2B5EF4-FFF2-40B4-BE49-F238E27FC236}">
              <a16:creationId xmlns:a16="http://schemas.microsoft.com/office/drawing/2014/main" id="{00000000-0008-0000-0100-000007000000}"/>
            </a:ext>
          </a:extLst>
        </xdr:cNvPr>
        <xdr:cNvSpPr>
          <a:spLocks noChangeShapeType="1"/>
        </xdr:cNvSpPr>
      </xdr:nvSpPr>
      <xdr:spPr bwMode="auto">
        <a:xfrm flipV="1">
          <a:off x="4743449" y="4375149"/>
          <a:ext cx="1266825"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9524</xdr:colOff>
      <xdr:row>17</xdr:row>
      <xdr:rowOff>165099</xdr:rowOff>
    </xdr:from>
    <xdr:to>
      <xdr:col>44</xdr:col>
      <xdr:colOff>161924</xdr:colOff>
      <xdr:row>17</xdr:row>
      <xdr:rowOff>165099</xdr:rowOff>
    </xdr:to>
    <xdr:sp macro="" textlink="">
      <xdr:nvSpPr>
        <xdr:cNvPr id="8" name="Line 4">
          <a:extLst>
            <a:ext uri="{FF2B5EF4-FFF2-40B4-BE49-F238E27FC236}">
              <a16:creationId xmlns:a16="http://schemas.microsoft.com/office/drawing/2014/main" id="{00000000-0008-0000-0100-000008000000}"/>
            </a:ext>
          </a:extLst>
        </xdr:cNvPr>
        <xdr:cNvSpPr>
          <a:spLocks noChangeShapeType="1"/>
        </xdr:cNvSpPr>
      </xdr:nvSpPr>
      <xdr:spPr bwMode="auto">
        <a:xfrm flipV="1">
          <a:off x="6353174" y="4375149"/>
          <a:ext cx="1933575"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1</xdr:col>
      <xdr:colOff>9524</xdr:colOff>
      <xdr:row>13</xdr:row>
      <xdr:rowOff>155574</xdr:rowOff>
    </xdr:from>
    <xdr:to>
      <xdr:col>41</xdr:col>
      <xdr:colOff>0</xdr:colOff>
      <xdr:row>13</xdr:row>
      <xdr:rowOff>155574</xdr:rowOff>
    </xdr:to>
    <xdr:sp macro="" textlink="">
      <xdr:nvSpPr>
        <xdr:cNvPr id="9" name="Line 4">
          <a:extLst>
            <a:ext uri="{FF2B5EF4-FFF2-40B4-BE49-F238E27FC236}">
              <a16:creationId xmlns:a16="http://schemas.microsoft.com/office/drawing/2014/main" id="{00000000-0008-0000-0100-000009000000}"/>
            </a:ext>
          </a:extLst>
        </xdr:cNvPr>
        <xdr:cNvSpPr>
          <a:spLocks noChangeShapeType="1"/>
        </xdr:cNvSpPr>
      </xdr:nvSpPr>
      <xdr:spPr bwMode="auto">
        <a:xfrm flipV="1">
          <a:off x="6029324" y="3184524"/>
          <a:ext cx="1609726"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3174</xdr:colOff>
      <xdr:row>16</xdr:row>
      <xdr:rowOff>149224</xdr:rowOff>
    </xdr:from>
    <xdr:to>
      <xdr:col>21</xdr:col>
      <xdr:colOff>0</xdr:colOff>
      <xdr:row>16</xdr:row>
      <xdr:rowOff>149224</xdr:rowOff>
    </xdr:to>
    <xdr:sp macro="" textlink="">
      <xdr:nvSpPr>
        <xdr:cNvPr id="10" name="Line 4">
          <a:extLst>
            <a:ext uri="{FF2B5EF4-FFF2-40B4-BE49-F238E27FC236}">
              <a16:creationId xmlns:a16="http://schemas.microsoft.com/office/drawing/2014/main" id="{00000000-0008-0000-0100-00000A000000}"/>
            </a:ext>
          </a:extLst>
        </xdr:cNvPr>
        <xdr:cNvSpPr>
          <a:spLocks noChangeShapeType="1"/>
        </xdr:cNvSpPr>
      </xdr:nvSpPr>
      <xdr:spPr bwMode="auto">
        <a:xfrm flipV="1">
          <a:off x="1812924" y="4063999"/>
          <a:ext cx="2587626" cy="0"/>
        </a:xfrm>
        <a:prstGeom prst="line">
          <a:avLst/>
        </a:prstGeom>
        <a:noFill/>
        <a:ln w="25400">
          <a:solidFill>
            <a:srgbClr val="000000"/>
          </a:solidFill>
          <a:prstDash val="dash"/>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3</xdr:col>
      <xdr:colOff>9525</xdr:colOff>
      <xdr:row>16</xdr:row>
      <xdr:rowOff>149223</xdr:rowOff>
    </xdr:from>
    <xdr:to>
      <xdr:col>53</xdr:col>
      <xdr:colOff>9525</xdr:colOff>
      <xdr:row>16</xdr:row>
      <xdr:rowOff>161924</xdr:rowOff>
    </xdr:to>
    <xdr:sp macro="" textlink="">
      <xdr:nvSpPr>
        <xdr:cNvPr id="11" name="Line 4">
          <a:extLst>
            <a:ext uri="{FF2B5EF4-FFF2-40B4-BE49-F238E27FC236}">
              <a16:creationId xmlns:a16="http://schemas.microsoft.com/office/drawing/2014/main" id="{00000000-0008-0000-0100-00000B000000}"/>
            </a:ext>
          </a:extLst>
        </xdr:cNvPr>
        <xdr:cNvSpPr>
          <a:spLocks noChangeShapeType="1"/>
        </xdr:cNvSpPr>
      </xdr:nvSpPr>
      <xdr:spPr bwMode="auto">
        <a:xfrm flipV="1">
          <a:off x="7886700" y="4063998"/>
          <a:ext cx="1619250" cy="12701"/>
        </a:xfrm>
        <a:prstGeom prst="line">
          <a:avLst/>
        </a:prstGeom>
        <a:noFill/>
        <a:ln w="25400">
          <a:solidFill>
            <a:srgbClr val="000000"/>
          </a:solidFill>
          <a:prstDash val="dash"/>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9</xdr:col>
      <xdr:colOff>9525</xdr:colOff>
      <xdr:row>14</xdr:row>
      <xdr:rowOff>155574</xdr:rowOff>
    </xdr:from>
    <xdr:to>
      <xdr:col>29</xdr:col>
      <xdr:colOff>0</xdr:colOff>
      <xdr:row>14</xdr:row>
      <xdr:rowOff>155574</xdr:rowOff>
    </xdr:to>
    <xdr:sp macro="" textlink="">
      <xdr:nvSpPr>
        <xdr:cNvPr id="12" name="Line 4">
          <a:extLst>
            <a:ext uri="{FF2B5EF4-FFF2-40B4-BE49-F238E27FC236}">
              <a16:creationId xmlns:a16="http://schemas.microsoft.com/office/drawing/2014/main" id="{00000000-0008-0000-0100-00000C000000}"/>
            </a:ext>
          </a:extLst>
        </xdr:cNvPr>
        <xdr:cNvSpPr>
          <a:spLocks noChangeShapeType="1"/>
        </xdr:cNvSpPr>
      </xdr:nvSpPr>
      <xdr:spPr bwMode="auto">
        <a:xfrm flipV="1">
          <a:off x="4086225" y="3479799"/>
          <a:ext cx="1609725"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1</xdr:col>
      <xdr:colOff>9525</xdr:colOff>
      <xdr:row>14</xdr:row>
      <xdr:rowOff>155574</xdr:rowOff>
    </xdr:from>
    <xdr:to>
      <xdr:col>34</xdr:col>
      <xdr:colOff>152400</xdr:colOff>
      <xdr:row>14</xdr:row>
      <xdr:rowOff>155574</xdr:rowOff>
    </xdr:to>
    <xdr:sp macro="" textlink="">
      <xdr:nvSpPr>
        <xdr:cNvPr id="13" name="Line 4">
          <a:extLst>
            <a:ext uri="{FF2B5EF4-FFF2-40B4-BE49-F238E27FC236}">
              <a16:creationId xmlns:a16="http://schemas.microsoft.com/office/drawing/2014/main" id="{00000000-0008-0000-0100-00000D000000}"/>
            </a:ext>
          </a:extLst>
        </xdr:cNvPr>
        <xdr:cNvSpPr>
          <a:spLocks noChangeShapeType="1"/>
        </xdr:cNvSpPr>
      </xdr:nvSpPr>
      <xdr:spPr bwMode="auto">
        <a:xfrm flipV="1">
          <a:off x="6029325" y="3479799"/>
          <a:ext cx="62865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6</xdr:col>
      <xdr:colOff>28575</xdr:colOff>
      <xdr:row>15</xdr:row>
      <xdr:rowOff>155574</xdr:rowOff>
    </xdr:from>
    <xdr:to>
      <xdr:col>32</xdr:col>
      <xdr:colOff>142874</xdr:colOff>
      <xdr:row>15</xdr:row>
      <xdr:rowOff>155574</xdr:rowOff>
    </xdr:to>
    <xdr:sp macro="" textlink="">
      <xdr:nvSpPr>
        <xdr:cNvPr id="14" name="Line 4">
          <a:extLst>
            <a:ext uri="{FF2B5EF4-FFF2-40B4-BE49-F238E27FC236}">
              <a16:creationId xmlns:a16="http://schemas.microsoft.com/office/drawing/2014/main" id="{00000000-0008-0000-0100-00000E000000}"/>
            </a:ext>
          </a:extLst>
        </xdr:cNvPr>
        <xdr:cNvSpPr>
          <a:spLocks noChangeShapeType="1"/>
        </xdr:cNvSpPr>
      </xdr:nvSpPr>
      <xdr:spPr bwMode="auto">
        <a:xfrm flipV="1">
          <a:off x="5238750" y="3775074"/>
          <a:ext cx="1085849"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5</xdr:col>
      <xdr:colOff>28574</xdr:colOff>
      <xdr:row>15</xdr:row>
      <xdr:rowOff>165099</xdr:rowOff>
    </xdr:from>
    <xdr:to>
      <xdr:col>44</xdr:col>
      <xdr:colOff>0</xdr:colOff>
      <xdr:row>15</xdr:row>
      <xdr:rowOff>165099</xdr:rowOff>
    </xdr:to>
    <xdr:sp macro="" textlink="">
      <xdr:nvSpPr>
        <xdr:cNvPr id="15" name="Line 4">
          <a:extLst>
            <a:ext uri="{FF2B5EF4-FFF2-40B4-BE49-F238E27FC236}">
              <a16:creationId xmlns:a16="http://schemas.microsoft.com/office/drawing/2014/main" id="{00000000-0008-0000-0100-00000F000000}"/>
            </a:ext>
          </a:extLst>
        </xdr:cNvPr>
        <xdr:cNvSpPr>
          <a:spLocks noChangeShapeType="1"/>
        </xdr:cNvSpPr>
      </xdr:nvSpPr>
      <xdr:spPr bwMode="auto">
        <a:xfrm flipV="1">
          <a:off x="6696074" y="3784599"/>
          <a:ext cx="1428751"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47625</xdr:colOff>
      <xdr:row>13</xdr:row>
      <xdr:rowOff>57150</xdr:rowOff>
    </xdr:from>
    <xdr:to>
      <xdr:col>4</xdr:col>
      <xdr:colOff>257175</xdr:colOff>
      <xdr:row>13</xdr:row>
      <xdr:rowOff>266700</xdr:rowOff>
    </xdr:to>
    <xdr:sp macro="" textlink="">
      <xdr:nvSpPr>
        <xdr:cNvPr id="17" name="円/楕円 16">
          <a:extLst>
            <a:ext uri="{FF2B5EF4-FFF2-40B4-BE49-F238E27FC236}">
              <a16:creationId xmlns:a16="http://schemas.microsoft.com/office/drawing/2014/main" id="{00000000-0008-0000-0100-000011000000}"/>
            </a:ext>
          </a:extLst>
        </xdr:cNvPr>
        <xdr:cNvSpPr/>
      </xdr:nvSpPr>
      <xdr:spPr bwMode="auto">
        <a:xfrm>
          <a:off x="1190625" y="3086100"/>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228600</xdr:colOff>
      <xdr:row>15</xdr:row>
      <xdr:rowOff>47625</xdr:rowOff>
    </xdr:from>
    <xdr:to>
      <xdr:col>4</xdr:col>
      <xdr:colOff>438150</xdr:colOff>
      <xdr:row>15</xdr:row>
      <xdr:rowOff>257175</xdr:rowOff>
    </xdr:to>
    <xdr:sp macro="" textlink="">
      <xdr:nvSpPr>
        <xdr:cNvPr id="18" name="円/楕円 17">
          <a:extLst>
            <a:ext uri="{FF2B5EF4-FFF2-40B4-BE49-F238E27FC236}">
              <a16:creationId xmlns:a16="http://schemas.microsoft.com/office/drawing/2014/main" id="{00000000-0008-0000-0100-000012000000}"/>
            </a:ext>
          </a:extLst>
        </xdr:cNvPr>
        <xdr:cNvSpPr/>
      </xdr:nvSpPr>
      <xdr:spPr bwMode="auto">
        <a:xfrm>
          <a:off x="1371600" y="3667125"/>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12</xdr:row>
      <xdr:rowOff>57150</xdr:rowOff>
    </xdr:from>
    <xdr:to>
      <xdr:col>4</xdr:col>
      <xdr:colOff>257175</xdr:colOff>
      <xdr:row>12</xdr:row>
      <xdr:rowOff>266700</xdr:rowOff>
    </xdr:to>
    <xdr:sp macro="" textlink="">
      <xdr:nvSpPr>
        <xdr:cNvPr id="19" name="円/楕円 18">
          <a:extLst>
            <a:ext uri="{FF2B5EF4-FFF2-40B4-BE49-F238E27FC236}">
              <a16:creationId xmlns:a16="http://schemas.microsoft.com/office/drawing/2014/main" id="{00000000-0008-0000-0100-000013000000}"/>
            </a:ext>
          </a:extLst>
        </xdr:cNvPr>
        <xdr:cNvSpPr/>
      </xdr:nvSpPr>
      <xdr:spPr bwMode="auto">
        <a:xfrm>
          <a:off x="1190625" y="2790825"/>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19100</xdr:colOff>
      <xdr:row>17</xdr:row>
      <xdr:rowOff>47625</xdr:rowOff>
    </xdr:from>
    <xdr:to>
      <xdr:col>4</xdr:col>
      <xdr:colOff>628650</xdr:colOff>
      <xdr:row>17</xdr:row>
      <xdr:rowOff>257175</xdr:rowOff>
    </xdr:to>
    <xdr:sp macro="" textlink="">
      <xdr:nvSpPr>
        <xdr:cNvPr id="20" name="円/楕円 19">
          <a:extLst>
            <a:ext uri="{FF2B5EF4-FFF2-40B4-BE49-F238E27FC236}">
              <a16:creationId xmlns:a16="http://schemas.microsoft.com/office/drawing/2014/main" id="{00000000-0008-0000-0100-000014000000}"/>
            </a:ext>
          </a:extLst>
        </xdr:cNvPr>
        <xdr:cNvSpPr/>
      </xdr:nvSpPr>
      <xdr:spPr bwMode="auto">
        <a:xfrm>
          <a:off x="1562100" y="4257675"/>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19100</xdr:colOff>
      <xdr:row>16</xdr:row>
      <xdr:rowOff>57150</xdr:rowOff>
    </xdr:from>
    <xdr:to>
      <xdr:col>4</xdr:col>
      <xdr:colOff>628650</xdr:colOff>
      <xdr:row>16</xdr:row>
      <xdr:rowOff>266700</xdr:rowOff>
    </xdr:to>
    <xdr:sp macro="" textlink="">
      <xdr:nvSpPr>
        <xdr:cNvPr id="21" name="円/楕円 20">
          <a:extLst>
            <a:ext uri="{FF2B5EF4-FFF2-40B4-BE49-F238E27FC236}">
              <a16:creationId xmlns:a16="http://schemas.microsoft.com/office/drawing/2014/main" id="{00000000-0008-0000-0100-000015000000}"/>
            </a:ext>
          </a:extLst>
        </xdr:cNvPr>
        <xdr:cNvSpPr/>
      </xdr:nvSpPr>
      <xdr:spPr bwMode="auto">
        <a:xfrm>
          <a:off x="1562100" y="3971925"/>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228600</xdr:colOff>
      <xdr:row>14</xdr:row>
      <xdr:rowOff>57150</xdr:rowOff>
    </xdr:from>
    <xdr:to>
      <xdr:col>4</xdr:col>
      <xdr:colOff>438150</xdr:colOff>
      <xdr:row>14</xdr:row>
      <xdr:rowOff>266700</xdr:rowOff>
    </xdr:to>
    <xdr:sp macro="" textlink="">
      <xdr:nvSpPr>
        <xdr:cNvPr id="22" name="円/楕円 21">
          <a:extLst>
            <a:ext uri="{FF2B5EF4-FFF2-40B4-BE49-F238E27FC236}">
              <a16:creationId xmlns:a16="http://schemas.microsoft.com/office/drawing/2014/main" id="{00000000-0008-0000-0100-000016000000}"/>
            </a:ext>
          </a:extLst>
        </xdr:cNvPr>
        <xdr:cNvSpPr/>
      </xdr:nvSpPr>
      <xdr:spPr bwMode="auto">
        <a:xfrm>
          <a:off x="1371600" y="3381375"/>
          <a:ext cx="209550" cy="209550"/>
        </a:xfrm>
        <a:prstGeom prst="ellipse">
          <a:avLst/>
        </a:prstGeom>
        <a:noFill/>
        <a:ln w="190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38100</xdr:colOff>
      <xdr:row>18</xdr:row>
      <xdr:rowOff>200024</xdr:rowOff>
    </xdr:from>
    <xdr:to>
      <xdr:col>41</xdr:col>
      <xdr:colOff>47625</xdr:colOff>
      <xdr:row>21</xdr:row>
      <xdr:rowOff>123825</xdr:rowOff>
    </xdr:to>
    <xdr:sp macro="" textlink="">
      <xdr:nvSpPr>
        <xdr:cNvPr id="24" name="四角形吹き出し 23">
          <a:extLst>
            <a:ext uri="{FF2B5EF4-FFF2-40B4-BE49-F238E27FC236}">
              <a16:creationId xmlns:a16="http://schemas.microsoft.com/office/drawing/2014/main" id="{00000000-0008-0000-0100-000018000000}"/>
            </a:ext>
          </a:extLst>
        </xdr:cNvPr>
        <xdr:cNvSpPr/>
      </xdr:nvSpPr>
      <xdr:spPr bwMode="auto">
        <a:xfrm>
          <a:off x="2009775" y="4705349"/>
          <a:ext cx="5676900" cy="809626"/>
        </a:xfrm>
        <a:prstGeom prst="wedgeRectCallout">
          <a:avLst>
            <a:gd name="adj1" fmla="val -35071"/>
            <a:gd name="adj2" fmla="val -115385"/>
          </a:avLst>
        </a:prstGeom>
        <a:ln>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08000" tIns="0" rIns="108000" bIns="0" rtlCol="0" anchor="ctr" upright="1"/>
        <a:lstStyle/>
        <a:p>
          <a:pPr algn="l"/>
          <a:r>
            <a:rPr kumimoji="1" lang="ja-JP" altLang="en-US" sz="1200">
              <a:latin typeface="+mj-ea"/>
              <a:ea typeface="+mj-ea"/>
            </a:rPr>
            <a:t>監視・断続的労働の許可を受けている場合など、深夜０時をまたぐ配置を行う場合は、同行の左端から続けて矢印を記載してください。</a:t>
          </a:r>
          <a:endParaRPr kumimoji="1" lang="en-US" altLang="ja-JP" sz="1200">
            <a:latin typeface="+mj-ea"/>
            <a:ea typeface="+mj-ea"/>
          </a:endParaRPr>
        </a:p>
        <a:p>
          <a:pPr algn="l"/>
          <a:r>
            <a:rPr kumimoji="1" lang="en-US" altLang="ja-JP" sz="1200">
              <a:latin typeface="+mj-ea"/>
              <a:ea typeface="+mj-ea"/>
            </a:rPr>
            <a:t>※</a:t>
          </a:r>
          <a:r>
            <a:rPr kumimoji="1" lang="ja-JP" altLang="en-US" sz="1200">
              <a:latin typeface="+mj-ea"/>
              <a:ea typeface="+mj-ea"/>
            </a:rPr>
            <a:t>例示は</a:t>
          </a:r>
          <a:r>
            <a:rPr kumimoji="1" lang="en-US" altLang="ja-JP" sz="1200">
              <a:latin typeface="+mj-ea"/>
              <a:ea typeface="+mj-ea"/>
            </a:rPr>
            <a:t>19</a:t>
          </a:r>
          <a:r>
            <a:rPr kumimoji="1" lang="ja-JP" altLang="en-US" sz="1200">
              <a:latin typeface="+mj-ea"/>
              <a:ea typeface="+mj-ea"/>
            </a:rPr>
            <a:t>時から翌日の８時までの</a:t>
          </a:r>
          <a:r>
            <a:rPr kumimoji="1" lang="en-US" altLang="ja-JP" sz="1200">
              <a:latin typeface="+mj-ea"/>
              <a:ea typeface="+mj-ea"/>
            </a:rPr>
            <a:t>13</a:t>
          </a:r>
          <a:r>
            <a:rPr kumimoji="1" lang="ja-JP" altLang="en-US" sz="1200">
              <a:latin typeface="+mj-ea"/>
              <a:ea typeface="+mj-ea"/>
            </a:rPr>
            <a:t>時間の勤務をする場合の記載です。</a:t>
          </a:r>
        </a:p>
      </xdr:txBody>
    </xdr:sp>
    <xdr:clientData/>
  </xdr:twoCellAnchor>
  <xdr:twoCellAnchor>
    <xdr:from>
      <xdr:col>45</xdr:col>
      <xdr:colOff>47625</xdr:colOff>
      <xdr:row>18</xdr:row>
      <xdr:rowOff>257175</xdr:rowOff>
    </xdr:from>
    <xdr:to>
      <xdr:col>55</xdr:col>
      <xdr:colOff>304802</xdr:colOff>
      <xdr:row>21</xdr:row>
      <xdr:rowOff>88774</xdr:rowOff>
    </xdr:to>
    <xdr:sp macro="" textlink="">
      <xdr:nvSpPr>
        <xdr:cNvPr id="25" name="四角形吹き出し 24">
          <a:extLst>
            <a:ext uri="{FF2B5EF4-FFF2-40B4-BE49-F238E27FC236}">
              <a16:creationId xmlns:a16="http://schemas.microsoft.com/office/drawing/2014/main" id="{00000000-0008-0000-0100-000019000000}"/>
            </a:ext>
          </a:extLst>
        </xdr:cNvPr>
        <xdr:cNvSpPr/>
      </xdr:nvSpPr>
      <xdr:spPr bwMode="auto">
        <a:xfrm>
          <a:off x="8334375" y="4762500"/>
          <a:ext cx="2352677" cy="717424"/>
        </a:xfrm>
        <a:prstGeom prst="wedgeRectCallout">
          <a:avLst>
            <a:gd name="adj1" fmla="val 43367"/>
            <a:gd name="adj2" fmla="val -95386"/>
          </a:avLst>
        </a:prstGeom>
        <a:ln>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08000" tIns="0" rIns="108000" bIns="0" rtlCol="0" anchor="ctr" upright="1"/>
        <a:lstStyle/>
        <a:p>
          <a:pPr algn="l"/>
          <a:r>
            <a:rPr kumimoji="1" lang="ja-JP" altLang="en-US" sz="1200"/>
            <a:t>変形労働時間制を適用している従事者は、当該欄に「○」を記載してください。</a:t>
          </a:r>
        </a:p>
      </xdr:txBody>
    </xdr:sp>
    <xdr:clientData/>
  </xdr:twoCellAnchor>
  <xdr:twoCellAnchor>
    <xdr:from>
      <xdr:col>60</xdr:col>
      <xdr:colOff>200024</xdr:colOff>
      <xdr:row>7</xdr:row>
      <xdr:rowOff>19050</xdr:rowOff>
    </xdr:from>
    <xdr:to>
      <xdr:col>62</xdr:col>
      <xdr:colOff>571499</xdr:colOff>
      <xdr:row>9</xdr:row>
      <xdr:rowOff>95250</xdr:rowOff>
    </xdr:to>
    <xdr:sp macro="" textlink="">
      <xdr:nvSpPr>
        <xdr:cNvPr id="26" name="正方形/長方形 25">
          <a:extLst>
            <a:ext uri="{FF2B5EF4-FFF2-40B4-BE49-F238E27FC236}">
              <a16:creationId xmlns:a16="http://schemas.microsoft.com/office/drawing/2014/main" id="{00000000-0008-0000-0100-00001A000000}"/>
            </a:ext>
          </a:extLst>
        </xdr:cNvPr>
        <xdr:cNvSpPr/>
      </xdr:nvSpPr>
      <xdr:spPr bwMode="auto">
        <a:xfrm>
          <a:off x="12420599" y="1371600"/>
          <a:ext cx="1743075" cy="561975"/>
        </a:xfrm>
        <a:prstGeom prst="rect">
          <a:avLst/>
        </a:prstGeom>
        <a:solidFill>
          <a:srgbClr val="FFFFFF"/>
        </a:solidFill>
        <a:ln w="28575"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ctr" upright="1"/>
        <a:lstStyle/>
        <a:p>
          <a:pPr algn="ctr"/>
          <a:r>
            <a:rPr kumimoji="1" lang="ja-JP" altLang="en-US" sz="2800">
              <a:solidFill>
                <a:srgbClr val="FF0000"/>
              </a:solidFill>
            </a:rPr>
            <a:t>記載例</a:t>
          </a:r>
        </a:p>
      </xdr:txBody>
    </xdr:sp>
    <xdr:clientData/>
  </xdr:twoCellAnchor>
  <xdr:twoCellAnchor>
    <xdr:from>
      <xdr:col>36</xdr:col>
      <xdr:colOff>117475</xdr:colOff>
      <xdr:row>6</xdr:row>
      <xdr:rowOff>0</xdr:rowOff>
    </xdr:from>
    <xdr:to>
      <xdr:col>55</xdr:col>
      <xdr:colOff>568325</xdr:colOff>
      <xdr:row>8</xdr:row>
      <xdr:rowOff>9525</xdr:rowOff>
    </xdr:to>
    <xdr:sp macro="" textlink="">
      <xdr:nvSpPr>
        <xdr:cNvPr id="28" name="AutoShape 6">
          <a:extLst>
            <a:ext uri="{FF2B5EF4-FFF2-40B4-BE49-F238E27FC236}">
              <a16:creationId xmlns:a16="http://schemas.microsoft.com/office/drawing/2014/main" id="{5DF1FE37-64A5-4FA6-B48D-AD8B7F8DDC77}"/>
            </a:ext>
          </a:extLst>
        </xdr:cNvPr>
        <xdr:cNvSpPr>
          <a:spLocks noChangeArrowheads="1"/>
        </xdr:cNvSpPr>
      </xdr:nvSpPr>
      <xdr:spPr bwMode="auto">
        <a:xfrm>
          <a:off x="6994525" y="609600"/>
          <a:ext cx="4003675" cy="46672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38</xdr:col>
      <xdr:colOff>9524</xdr:colOff>
      <xdr:row>4</xdr:row>
      <xdr:rowOff>136524</xdr:rowOff>
    </xdr:from>
    <xdr:to>
      <xdr:col>40</xdr:col>
      <xdr:colOff>161924</xdr:colOff>
      <xdr:row>4</xdr:row>
      <xdr:rowOff>136524</xdr:rowOff>
    </xdr:to>
    <xdr:sp macro="" textlink="">
      <xdr:nvSpPr>
        <xdr:cNvPr id="2" name="Line 4">
          <a:extLst>
            <a:ext uri="{FF2B5EF4-FFF2-40B4-BE49-F238E27FC236}">
              <a16:creationId xmlns:a16="http://schemas.microsoft.com/office/drawing/2014/main" id="{1A4505AB-91D4-4041-8CBB-CE847B2DF56B}"/>
            </a:ext>
          </a:extLst>
        </xdr:cNvPr>
        <xdr:cNvSpPr>
          <a:spLocks noChangeShapeType="1"/>
        </xdr:cNvSpPr>
      </xdr:nvSpPr>
      <xdr:spPr bwMode="auto">
        <a:xfrm flipV="1">
          <a:off x="7210424" y="746124"/>
          <a:ext cx="47625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6</xdr:col>
      <xdr:colOff>117475</xdr:colOff>
      <xdr:row>4</xdr:row>
      <xdr:rowOff>0</xdr:rowOff>
    </xdr:from>
    <xdr:to>
      <xdr:col>55</xdr:col>
      <xdr:colOff>568325</xdr:colOff>
      <xdr:row>6</xdr:row>
      <xdr:rowOff>9525</xdr:rowOff>
    </xdr:to>
    <xdr:sp macro="" textlink="">
      <xdr:nvSpPr>
        <xdr:cNvPr id="3" name="AutoShape 6">
          <a:extLst>
            <a:ext uri="{FF2B5EF4-FFF2-40B4-BE49-F238E27FC236}">
              <a16:creationId xmlns:a16="http://schemas.microsoft.com/office/drawing/2014/main" id="{7EC423D5-2E1B-4CCC-9EB1-6E24871A4CF7}"/>
            </a:ext>
          </a:extLst>
        </xdr:cNvPr>
        <xdr:cNvSpPr>
          <a:spLocks noChangeArrowheads="1"/>
        </xdr:cNvSpPr>
      </xdr:nvSpPr>
      <xdr:spPr bwMode="auto">
        <a:xfrm>
          <a:off x="6994525" y="609600"/>
          <a:ext cx="4003675" cy="46672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49</xdr:col>
      <xdr:colOff>146049</xdr:colOff>
      <xdr:row>4</xdr:row>
      <xdr:rowOff>130174</xdr:rowOff>
    </xdr:from>
    <xdr:to>
      <xdr:col>52</xdr:col>
      <xdr:colOff>146049</xdr:colOff>
      <xdr:row>4</xdr:row>
      <xdr:rowOff>130174</xdr:rowOff>
    </xdr:to>
    <xdr:sp macro="" textlink="">
      <xdr:nvSpPr>
        <xdr:cNvPr id="4" name="Line 4">
          <a:extLst>
            <a:ext uri="{FF2B5EF4-FFF2-40B4-BE49-F238E27FC236}">
              <a16:creationId xmlns:a16="http://schemas.microsoft.com/office/drawing/2014/main" id="{2D0A0CB2-ADAE-4393-8F06-F1FC7799D6BD}"/>
            </a:ext>
          </a:extLst>
        </xdr:cNvPr>
        <xdr:cNvSpPr>
          <a:spLocks noChangeShapeType="1"/>
        </xdr:cNvSpPr>
      </xdr:nvSpPr>
      <xdr:spPr bwMode="auto">
        <a:xfrm flipV="1">
          <a:off x="9128124" y="739774"/>
          <a:ext cx="485775" cy="0"/>
        </a:xfrm>
        <a:prstGeom prst="line">
          <a:avLst/>
        </a:prstGeom>
        <a:noFill/>
        <a:ln w="25400">
          <a:solidFill>
            <a:srgbClr val="000000"/>
          </a:solidFill>
          <a:prstDash val="dash"/>
          <a:round/>
          <a:headEnd/>
          <a:tailEnd type="triangle" w="med" len="me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BB39"/>
  <sheetViews>
    <sheetView tabSelected="1" view="pageBreakPreview" zoomScaleNormal="100" zoomScaleSheetLayoutView="100" workbookViewId="0">
      <selection activeCell="B20" sqref="B20:AY20"/>
    </sheetView>
  </sheetViews>
  <sheetFormatPr defaultRowHeight="13.5" x14ac:dyDescent="0.15"/>
  <cols>
    <col min="1" max="1" width="9" style="1"/>
    <col min="2" max="2" width="6.625" style="1" customWidth="1"/>
    <col min="3" max="3" width="8.75" style="1" customWidth="1"/>
    <col min="4" max="51" width="2.125" style="1" customWidth="1"/>
    <col min="52" max="53" width="5.25" style="1" customWidth="1"/>
    <col min="54" max="55" width="8.125" style="1" customWidth="1"/>
    <col min="56" max="56" width="2.25" style="1" customWidth="1"/>
    <col min="57" max="16384" width="9" style="1"/>
  </cols>
  <sheetData>
    <row r="1" spans="2:54" ht="14.25" x14ac:dyDescent="0.15">
      <c r="BB1" s="8" t="s">
        <v>22</v>
      </c>
    </row>
    <row r="2" spans="2:54" ht="19.5" customHeight="1" x14ac:dyDescent="0.2">
      <c r="B2" s="123" t="s">
        <v>1</v>
      </c>
      <c r="C2" s="123"/>
      <c r="D2" s="123"/>
      <c r="E2" s="123"/>
      <c r="F2" s="123"/>
      <c r="G2" s="123"/>
      <c r="H2" s="123"/>
      <c r="I2" s="123"/>
      <c r="J2" s="123"/>
      <c r="K2" s="123"/>
      <c r="L2" s="123"/>
      <c r="M2" s="123"/>
      <c r="N2" s="123"/>
      <c r="O2" s="123"/>
      <c r="P2" s="123"/>
      <c r="Q2" s="123"/>
      <c r="R2" s="123"/>
      <c r="S2" s="123"/>
      <c r="T2" s="123"/>
      <c r="U2" s="123"/>
      <c r="V2" s="123"/>
      <c r="W2" s="123"/>
      <c r="X2" s="123"/>
      <c r="Y2" s="123"/>
      <c r="Z2" s="123"/>
      <c r="AA2" s="123"/>
      <c r="AB2" s="123"/>
      <c r="AC2" s="123"/>
      <c r="AD2" s="123"/>
      <c r="AE2" s="123"/>
      <c r="AF2" s="123"/>
      <c r="AG2" s="123"/>
      <c r="AH2" s="123"/>
      <c r="AI2" s="123"/>
      <c r="AJ2" s="123"/>
      <c r="AK2" s="123"/>
      <c r="AL2" s="123"/>
      <c r="AM2" s="123"/>
      <c r="AN2" s="123"/>
      <c r="AO2" s="123"/>
      <c r="AP2" s="123"/>
      <c r="AQ2" s="123"/>
      <c r="AR2" s="123"/>
      <c r="AS2" s="123"/>
      <c r="AT2" s="123"/>
      <c r="AU2" s="123"/>
      <c r="AV2" s="123"/>
      <c r="AW2" s="123"/>
      <c r="AX2" s="123"/>
      <c r="AY2" s="123"/>
      <c r="AZ2" s="123"/>
      <c r="BA2" s="123"/>
      <c r="BB2" s="123"/>
    </row>
    <row r="3" spans="2:54" ht="14.25" customHeight="1" x14ac:dyDescent="0.2">
      <c r="B3" s="5"/>
    </row>
    <row r="4" spans="2:54" s="2" customFormat="1" ht="18" customHeight="1" thickBot="1" x14ac:dyDescent="0.2">
      <c r="B4" s="36" t="s">
        <v>20</v>
      </c>
      <c r="C4" s="35"/>
      <c r="D4" s="35"/>
      <c r="E4" s="35"/>
      <c r="F4" s="35"/>
      <c r="G4" s="35"/>
      <c r="H4" s="35"/>
      <c r="I4" s="35"/>
      <c r="J4" s="35"/>
      <c r="K4" s="35"/>
      <c r="L4" s="35"/>
      <c r="M4" s="35"/>
      <c r="N4" s="35"/>
      <c r="O4" s="35"/>
      <c r="P4" s="35"/>
      <c r="Q4" s="35"/>
      <c r="R4" s="35"/>
      <c r="S4" s="35"/>
      <c r="T4" s="35"/>
      <c r="U4" s="35"/>
      <c r="AD4" s="35"/>
      <c r="AE4" s="35"/>
      <c r="AF4" s="35"/>
      <c r="AJ4" s="35"/>
      <c r="AN4" s="37" t="s">
        <v>13</v>
      </c>
      <c r="AQ4" s="9"/>
      <c r="AS4" s="1"/>
      <c r="AW4" s="37"/>
      <c r="AY4" s="37"/>
      <c r="AZ4" s="37" t="s">
        <v>2</v>
      </c>
      <c r="BA4" s="37"/>
    </row>
    <row r="5" spans="2:54" s="2" customFormat="1" ht="18" customHeight="1" thickBot="1" x14ac:dyDescent="0.2">
      <c r="B5" s="36" t="s">
        <v>19</v>
      </c>
      <c r="C5" s="35"/>
      <c r="D5" s="35"/>
      <c r="E5" s="35"/>
      <c r="F5" s="35"/>
      <c r="G5" s="35"/>
      <c r="H5" s="35"/>
      <c r="I5" s="35"/>
      <c r="J5" s="35"/>
      <c r="K5" s="35"/>
      <c r="L5" s="35"/>
      <c r="M5" s="35"/>
      <c r="N5" s="35"/>
      <c r="O5" s="35"/>
      <c r="P5" s="35"/>
      <c r="Q5" s="35"/>
      <c r="R5" s="35"/>
      <c r="S5" s="35"/>
      <c r="T5" s="35"/>
      <c r="U5" s="35"/>
      <c r="AD5" s="35"/>
      <c r="AE5" s="35"/>
      <c r="AF5" s="35"/>
      <c r="AK5" s="44"/>
      <c r="AL5" s="53"/>
      <c r="AM5" s="45"/>
      <c r="AN5" s="37" t="s">
        <v>10</v>
      </c>
    </row>
    <row r="6" spans="2:54" ht="20.25" customHeight="1" thickBot="1" x14ac:dyDescent="0.2">
      <c r="B6" s="30" t="s">
        <v>12</v>
      </c>
      <c r="C6" s="29"/>
      <c r="D6" s="29"/>
      <c r="E6" s="29"/>
      <c r="F6" s="29"/>
      <c r="G6" s="29"/>
      <c r="H6" s="29"/>
      <c r="I6" s="29"/>
      <c r="J6" s="29"/>
      <c r="K6" s="29"/>
      <c r="L6" s="29"/>
      <c r="M6" s="29"/>
      <c r="N6" s="29"/>
      <c r="O6" s="29"/>
      <c r="P6" s="29"/>
      <c r="Q6" s="29"/>
      <c r="R6" s="29"/>
      <c r="S6" s="29"/>
      <c r="T6" s="29"/>
      <c r="U6" s="29"/>
      <c r="V6" s="29"/>
      <c r="W6" s="29"/>
      <c r="X6" s="29"/>
      <c r="Y6" s="29"/>
      <c r="Z6" s="29"/>
      <c r="AA6" s="29"/>
      <c r="AB6" s="29"/>
      <c r="AC6" s="29"/>
      <c r="AD6" s="29"/>
      <c r="AE6" s="29"/>
      <c r="AF6" s="29"/>
      <c r="AG6" s="29"/>
      <c r="AH6" s="29"/>
      <c r="AI6" s="29"/>
    </row>
    <row r="7" spans="2:54" s="6" customFormat="1" ht="24.75" customHeight="1" x14ac:dyDescent="0.15">
      <c r="B7" s="135" t="s">
        <v>0</v>
      </c>
      <c r="C7" s="138" t="s">
        <v>3</v>
      </c>
      <c r="D7" s="16"/>
      <c r="E7" s="14"/>
      <c r="F7" s="14"/>
      <c r="G7" s="14"/>
      <c r="H7" s="14"/>
      <c r="I7" s="14"/>
      <c r="J7" s="14"/>
      <c r="K7" s="14"/>
      <c r="L7" s="14"/>
      <c r="M7" s="14"/>
      <c r="N7" s="14"/>
      <c r="O7" s="14"/>
      <c r="P7" s="14"/>
      <c r="Q7" s="14"/>
      <c r="R7" s="14"/>
      <c r="S7" s="14"/>
      <c r="T7" s="14"/>
      <c r="U7" s="14"/>
      <c r="V7" s="14"/>
      <c r="W7" s="14"/>
      <c r="X7" s="14"/>
      <c r="Y7" s="14"/>
      <c r="Z7" s="14"/>
      <c r="AA7" s="14"/>
      <c r="AB7" s="14"/>
      <c r="AC7" s="14"/>
      <c r="AD7" s="14"/>
      <c r="AE7" s="14"/>
      <c r="AF7" s="14"/>
      <c r="AG7" s="14"/>
      <c r="AH7" s="14"/>
      <c r="AI7" s="14"/>
      <c r="AJ7" s="14"/>
      <c r="AK7" s="14"/>
      <c r="AL7" s="14"/>
      <c r="AM7" s="14"/>
      <c r="AN7" s="14"/>
      <c r="AO7" s="14"/>
      <c r="AP7" s="14"/>
      <c r="AQ7" s="14"/>
      <c r="AR7" s="14"/>
      <c r="AS7" s="14"/>
      <c r="AT7" s="14"/>
      <c r="AU7" s="14"/>
      <c r="AV7" s="14"/>
      <c r="AW7" s="14"/>
      <c r="AX7" s="14"/>
      <c r="AY7" s="17"/>
      <c r="AZ7" s="148" t="s">
        <v>16</v>
      </c>
      <c r="BA7" s="149"/>
      <c r="BB7" s="150"/>
    </row>
    <row r="8" spans="2:54" s="6" customFormat="1" ht="37.5" customHeight="1" x14ac:dyDescent="0.15">
      <c r="B8" s="136"/>
      <c r="C8" s="139"/>
      <c r="D8" s="102">
        <v>0</v>
      </c>
      <c r="E8" s="102"/>
      <c r="F8" s="102">
        <v>1</v>
      </c>
      <c r="G8" s="102"/>
      <c r="H8" s="102">
        <v>2</v>
      </c>
      <c r="I8" s="102"/>
      <c r="J8" s="102">
        <v>3</v>
      </c>
      <c r="K8" s="102"/>
      <c r="L8" s="102">
        <v>4</v>
      </c>
      <c r="M8" s="102"/>
      <c r="N8" s="102">
        <v>5</v>
      </c>
      <c r="O8" s="102"/>
      <c r="P8" s="102">
        <v>6</v>
      </c>
      <c r="Q8" s="102"/>
      <c r="R8" s="102">
        <v>7</v>
      </c>
      <c r="S8" s="102"/>
      <c r="T8" s="102">
        <v>8</v>
      </c>
      <c r="U8" s="102"/>
      <c r="V8" s="102">
        <v>9</v>
      </c>
      <c r="W8" s="102"/>
      <c r="X8" s="102">
        <v>10</v>
      </c>
      <c r="Y8" s="102"/>
      <c r="Z8" s="102">
        <v>11</v>
      </c>
      <c r="AA8" s="102"/>
      <c r="AB8" s="102">
        <v>12</v>
      </c>
      <c r="AC8" s="102"/>
      <c r="AD8" s="102">
        <v>13</v>
      </c>
      <c r="AE8" s="102"/>
      <c r="AF8" s="102">
        <v>14</v>
      </c>
      <c r="AG8" s="102"/>
      <c r="AH8" s="102">
        <v>15</v>
      </c>
      <c r="AI8" s="102"/>
      <c r="AJ8" s="102">
        <v>16</v>
      </c>
      <c r="AK8" s="102"/>
      <c r="AL8" s="102">
        <v>17</v>
      </c>
      <c r="AM8" s="102"/>
      <c r="AN8" s="102">
        <v>18</v>
      </c>
      <c r="AO8" s="102"/>
      <c r="AP8" s="102">
        <v>19</v>
      </c>
      <c r="AQ8" s="102"/>
      <c r="AR8" s="102">
        <v>20</v>
      </c>
      <c r="AS8" s="102"/>
      <c r="AT8" s="102">
        <v>21</v>
      </c>
      <c r="AU8" s="102"/>
      <c r="AV8" s="102">
        <v>22</v>
      </c>
      <c r="AW8" s="102"/>
      <c r="AX8" s="102">
        <v>23</v>
      </c>
      <c r="AY8" s="102"/>
      <c r="AZ8" s="141" t="s">
        <v>9</v>
      </c>
      <c r="BA8" s="103" t="s">
        <v>10</v>
      </c>
      <c r="BB8" s="143" t="s">
        <v>17</v>
      </c>
    </row>
    <row r="9" spans="2:54" s="6" customFormat="1" ht="3.75" customHeight="1" thickBot="1" x14ac:dyDescent="0.2">
      <c r="B9" s="137"/>
      <c r="C9" s="140"/>
      <c r="D9" s="31"/>
      <c r="E9" s="15"/>
      <c r="F9" s="32"/>
      <c r="G9" s="33"/>
      <c r="H9" s="15"/>
      <c r="I9" s="15"/>
      <c r="J9" s="32"/>
      <c r="K9" s="33"/>
      <c r="L9" s="15"/>
      <c r="M9" s="15"/>
      <c r="N9" s="32"/>
      <c r="O9" s="33"/>
      <c r="P9" s="15"/>
      <c r="Q9" s="15"/>
      <c r="R9" s="32"/>
      <c r="S9" s="33"/>
      <c r="T9" s="15"/>
      <c r="U9" s="15"/>
      <c r="V9" s="32"/>
      <c r="W9" s="33"/>
      <c r="X9" s="15"/>
      <c r="Y9" s="15"/>
      <c r="Z9" s="32"/>
      <c r="AA9" s="33"/>
      <c r="AB9" s="15"/>
      <c r="AC9" s="15"/>
      <c r="AD9" s="32"/>
      <c r="AE9" s="33"/>
      <c r="AF9" s="15"/>
      <c r="AG9" s="15"/>
      <c r="AH9" s="32"/>
      <c r="AI9" s="33"/>
      <c r="AJ9" s="15"/>
      <c r="AK9" s="15"/>
      <c r="AL9" s="32"/>
      <c r="AM9" s="33"/>
      <c r="AN9" s="15"/>
      <c r="AO9" s="15"/>
      <c r="AP9" s="32"/>
      <c r="AQ9" s="15"/>
      <c r="AR9" s="32"/>
      <c r="AS9" s="15"/>
      <c r="AT9" s="32"/>
      <c r="AU9" s="15"/>
      <c r="AV9" s="32"/>
      <c r="AW9" s="15"/>
      <c r="AX9" s="32"/>
      <c r="AY9" s="34"/>
      <c r="AZ9" s="142"/>
      <c r="BA9" s="104"/>
      <c r="BB9" s="140"/>
    </row>
    <row r="10" spans="2:54" ht="21" customHeight="1" x14ac:dyDescent="0.15">
      <c r="B10" s="10"/>
      <c r="C10" s="11" t="s">
        <v>4</v>
      </c>
      <c r="D10" s="54"/>
      <c r="E10" s="55"/>
      <c r="F10" s="56"/>
      <c r="G10" s="57"/>
      <c r="H10" s="54"/>
      <c r="I10" s="55"/>
      <c r="J10" s="56"/>
      <c r="K10" s="57"/>
      <c r="L10" s="54"/>
      <c r="M10" s="55"/>
      <c r="N10" s="56"/>
      <c r="O10" s="57"/>
      <c r="P10" s="54"/>
      <c r="Q10" s="55"/>
      <c r="R10" s="56"/>
      <c r="S10" s="58"/>
      <c r="T10" s="59"/>
      <c r="U10" s="55"/>
      <c r="V10" s="56"/>
      <c r="W10" s="57"/>
      <c r="X10" s="54"/>
      <c r="Y10" s="55"/>
      <c r="Z10" s="56"/>
      <c r="AA10" s="57"/>
      <c r="AB10" s="54"/>
      <c r="AC10" s="55"/>
      <c r="AD10" s="56"/>
      <c r="AE10" s="57"/>
      <c r="AF10" s="54"/>
      <c r="AG10" s="55"/>
      <c r="AH10" s="56"/>
      <c r="AI10" s="58"/>
      <c r="AJ10" s="59"/>
      <c r="AK10" s="55"/>
      <c r="AL10" s="56"/>
      <c r="AM10" s="57"/>
      <c r="AN10" s="54"/>
      <c r="AO10" s="55"/>
      <c r="AP10" s="56"/>
      <c r="AQ10" s="58"/>
      <c r="AR10" s="59"/>
      <c r="AS10" s="55"/>
      <c r="AT10" s="56"/>
      <c r="AU10" s="57"/>
      <c r="AV10" s="54"/>
      <c r="AW10" s="55"/>
      <c r="AX10" s="56"/>
      <c r="AY10" s="3"/>
      <c r="AZ10" s="18"/>
      <c r="BA10" s="60"/>
      <c r="BB10" s="11"/>
    </row>
    <row r="11" spans="2:54" ht="21" customHeight="1" x14ac:dyDescent="0.15">
      <c r="B11" s="12"/>
      <c r="C11" s="13" t="s">
        <v>4</v>
      </c>
      <c r="D11" s="21"/>
      <c r="E11" s="25"/>
      <c r="F11" s="26"/>
      <c r="G11" s="23"/>
      <c r="H11" s="21"/>
      <c r="I11" s="25"/>
      <c r="J11" s="26"/>
      <c r="K11" s="23"/>
      <c r="L11" s="21"/>
      <c r="M11" s="25"/>
      <c r="N11" s="26"/>
      <c r="O11" s="23"/>
      <c r="P11" s="21"/>
      <c r="Q11" s="25"/>
      <c r="R11" s="26"/>
      <c r="S11" s="38"/>
      <c r="T11" s="39"/>
      <c r="U11" s="25"/>
      <c r="V11" s="26"/>
      <c r="W11" s="23"/>
      <c r="X11" s="21"/>
      <c r="Y11" s="25"/>
      <c r="Z11" s="26"/>
      <c r="AA11" s="23"/>
      <c r="AB11" s="21"/>
      <c r="AC11" s="25"/>
      <c r="AD11" s="26"/>
      <c r="AE11" s="23"/>
      <c r="AF11" s="21"/>
      <c r="AG11" s="25"/>
      <c r="AH11" s="26"/>
      <c r="AI11" s="38"/>
      <c r="AJ11" s="39"/>
      <c r="AK11" s="25"/>
      <c r="AL11" s="26"/>
      <c r="AM11" s="23"/>
      <c r="AN11" s="21"/>
      <c r="AO11" s="25"/>
      <c r="AP11" s="26"/>
      <c r="AQ11" s="38"/>
      <c r="AR11" s="39"/>
      <c r="AS11" s="25"/>
      <c r="AT11" s="26"/>
      <c r="AU11" s="23"/>
      <c r="AV11" s="21"/>
      <c r="AW11" s="25"/>
      <c r="AX11" s="26"/>
      <c r="AY11" s="42"/>
      <c r="AZ11" s="20"/>
      <c r="BA11" s="61"/>
      <c r="BB11" s="98"/>
    </row>
    <row r="12" spans="2:54" ht="21" customHeight="1" x14ac:dyDescent="0.15">
      <c r="B12" s="12"/>
      <c r="C12" s="13" t="s">
        <v>5</v>
      </c>
      <c r="D12" s="22"/>
      <c r="E12" s="27"/>
      <c r="F12" s="28"/>
      <c r="G12" s="24"/>
      <c r="H12" s="22"/>
      <c r="I12" s="27"/>
      <c r="J12" s="28"/>
      <c r="K12" s="24"/>
      <c r="L12" s="22"/>
      <c r="M12" s="27"/>
      <c r="N12" s="28"/>
      <c r="O12" s="24"/>
      <c r="P12" s="22"/>
      <c r="Q12" s="27"/>
      <c r="R12" s="28"/>
      <c r="S12" s="40"/>
      <c r="T12" s="41"/>
      <c r="U12" s="27"/>
      <c r="V12" s="28"/>
      <c r="W12" s="24"/>
      <c r="X12" s="22"/>
      <c r="Y12" s="27"/>
      <c r="Z12" s="28"/>
      <c r="AA12" s="24"/>
      <c r="AB12" s="22"/>
      <c r="AC12" s="27"/>
      <c r="AD12" s="28"/>
      <c r="AE12" s="24"/>
      <c r="AF12" s="22"/>
      <c r="AG12" s="27"/>
      <c r="AH12" s="28"/>
      <c r="AI12" s="40"/>
      <c r="AJ12" s="41"/>
      <c r="AK12" s="27"/>
      <c r="AL12" s="28"/>
      <c r="AM12" s="24"/>
      <c r="AN12" s="22"/>
      <c r="AO12" s="27"/>
      <c r="AP12" s="28"/>
      <c r="AQ12" s="40"/>
      <c r="AR12" s="41"/>
      <c r="AS12" s="27"/>
      <c r="AT12" s="28"/>
      <c r="AU12" s="24"/>
      <c r="AV12" s="22"/>
      <c r="AW12" s="27"/>
      <c r="AX12" s="28"/>
      <c r="AY12" s="43"/>
      <c r="AZ12" s="20"/>
      <c r="BA12" s="61"/>
      <c r="BB12" s="98"/>
    </row>
    <row r="13" spans="2:54" ht="21" customHeight="1" x14ac:dyDescent="0.15">
      <c r="B13" s="12"/>
      <c r="C13" s="13" t="s">
        <v>5</v>
      </c>
      <c r="D13" s="22"/>
      <c r="E13" s="27"/>
      <c r="F13" s="28"/>
      <c r="G13" s="24"/>
      <c r="H13" s="22"/>
      <c r="I13" s="27"/>
      <c r="J13" s="28"/>
      <c r="K13" s="24"/>
      <c r="L13" s="21"/>
      <c r="M13" s="27"/>
      <c r="N13" s="28"/>
      <c r="O13" s="24"/>
      <c r="P13" s="22"/>
      <c r="Q13" s="27"/>
      <c r="R13" s="28"/>
      <c r="S13" s="40"/>
      <c r="T13" s="41"/>
      <c r="U13" s="27"/>
      <c r="V13" s="28"/>
      <c r="W13" s="24"/>
      <c r="X13" s="22"/>
      <c r="Y13" s="27"/>
      <c r="Z13" s="28"/>
      <c r="AA13" s="24"/>
      <c r="AB13" s="22"/>
      <c r="AC13" s="27"/>
      <c r="AD13" s="28"/>
      <c r="AE13" s="24"/>
      <c r="AF13" s="22"/>
      <c r="AG13" s="27"/>
      <c r="AH13" s="28"/>
      <c r="AI13" s="40"/>
      <c r="AJ13" s="41"/>
      <c r="AK13" s="27"/>
      <c r="AL13" s="28"/>
      <c r="AM13" s="24"/>
      <c r="AN13" s="22"/>
      <c r="AO13" s="27"/>
      <c r="AP13" s="28"/>
      <c r="AQ13" s="40"/>
      <c r="AR13" s="41"/>
      <c r="AS13" s="27"/>
      <c r="AT13" s="28"/>
      <c r="AU13" s="24"/>
      <c r="AV13" s="22"/>
      <c r="AW13" s="27"/>
      <c r="AX13" s="28"/>
      <c r="AY13" s="42"/>
      <c r="AZ13" s="20"/>
      <c r="BA13" s="61"/>
      <c r="BB13" s="98"/>
    </row>
    <row r="14" spans="2:54" ht="21" customHeight="1" x14ac:dyDescent="0.15">
      <c r="B14" s="12"/>
      <c r="C14" s="13" t="s">
        <v>5</v>
      </c>
      <c r="D14" s="21"/>
      <c r="E14" s="25"/>
      <c r="F14" s="26"/>
      <c r="G14" s="23"/>
      <c r="H14" s="21"/>
      <c r="I14" s="25"/>
      <c r="J14" s="26"/>
      <c r="K14" s="23"/>
      <c r="L14" s="21"/>
      <c r="M14" s="25"/>
      <c r="N14" s="26"/>
      <c r="O14" s="23"/>
      <c r="P14" s="21"/>
      <c r="Q14" s="25"/>
      <c r="R14" s="26"/>
      <c r="S14" s="38"/>
      <c r="T14" s="39"/>
      <c r="U14" s="25"/>
      <c r="V14" s="26"/>
      <c r="W14" s="23"/>
      <c r="X14" s="21"/>
      <c r="Y14" s="25"/>
      <c r="Z14" s="26"/>
      <c r="AA14" s="23"/>
      <c r="AB14" s="21"/>
      <c r="AC14" s="25"/>
      <c r="AD14" s="26"/>
      <c r="AE14" s="23"/>
      <c r="AF14" s="21"/>
      <c r="AG14" s="25"/>
      <c r="AH14" s="26"/>
      <c r="AI14" s="38"/>
      <c r="AJ14" s="39"/>
      <c r="AK14" s="25"/>
      <c r="AL14" s="26"/>
      <c r="AM14" s="23"/>
      <c r="AN14" s="21"/>
      <c r="AO14" s="25"/>
      <c r="AP14" s="26"/>
      <c r="AQ14" s="38"/>
      <c r="AR14" s="39"/>
      <c r="AS14" s="25"/>
      <c r="AT14" s="26"/>
      <c r="AU14" s="23"/>
      <c r="AV14" s="21"/>
      <c r="AW14" s="25"/>
      <c r="AX14" s="26"/>
      <c r="AY14" s="42"/>
      <c r="AZ14" s="20"/>
      <c r="BA14" s="61"/>
      <c r="BB14" s="98"/>
    </row>
    <row r="15" spans="2:54" ht="21" customHeight="1" x14ac:dyDescent="0.15">
      <c r="B15" s="12"/>
      <c r="C15" s="13" t="s">
        <v>5</v>
      </c>
      <c r="D15" s="22"/>
      <c r="E15" s="27"/>
      <c r="F15" s="28"/>
      <c r="G15" s="24"/>
      <c r="H15" s="22"/>
      <c r="I15" s="27"/>
      <c r="J15" s="28"/>
      <c r="K15" s="24"/>
      <c r="L15" s="22"/>
      <c r="M15" s="27"/>
      <c r="N15" s="28"/>
      <c r="O15" s="24"/>
      <c r="P15" s="22"/>
      <c r="Q15" s="27"/>
      <c r="R15" s="28"/>
      <c r="S15" s="40"/>
      <c r="T15" s="41"/>
      <c r="U15" s="27"/>
      <c r="V15" s="28"/>
      <c r="W15" s="24"/>
      <c r="X15" s="22"/>
      <c r="Y15" s="27"/>
      <c r="Z15" s="28"/>
      <c r="AA15" s="24"/>
      <c r="AB15" s="22"/>
      <c r="AC15" s="27"/>
      <c r="AD15" s="28"/>
      <c r="AE15" s="24"/>
      <c r="AF15" s="22"/>
      <c r="AG15" s="27"/>
      <c r="AH15" s="28"/>
      <c r="AI15" s="40"/>
      <c r="AJ15" s="41"/>
      <c r="AK15" s="27"/>
      <c r="AL15" s="28"/>
      <c r="AM15" s="24"/>
      <c r="AN15" s="22"/>
      <c r="AO15" s="27"/>
      <c r="AP15" s="28"/>
      <c r="AQ15" s="40"/>
      <c r="AR15" s="41"/>
      <c r="AS15" s="27"/>
      <c r="AT15" s="28"/>
      <c r="AU15" s="24"/>
      <c r="AV15" s="22"/>
      <c r="AW15" s="27"/>
      <c r="AX15" s="28"/>
      <c r="AY15" s="43"/>
      <c r="AZ15" s="20"/>
      <c r="BA15" s="61"/>
      <c r="BB15" s="98"/>
    </row>
    <row r="16" spans="2:54" ht="21" customHeight="1" x14ac:dyDescent="0.15">
      <c r="B16" s="12"/>
      <c r="C16" s="13" t="s">
        <v>5</v>
      </c>
      <c r="D16" s="22"/>
      <c r="E16" s="27"/>
      <c r="F16" s="28"/>
      <c r="G16" s="24"/>
      <c r="H16" s="22"/>
      <c r="I16" s="27"/>
      <c r="J16" s="28"/>
      <c r="K16" s="24"/>
      <c r="L16" s="22"/>
      <c r="M16" s="27"/>
      <c r="N16" s="28"/>
      <c r="O16" s="24"/>
      <c r="P16" s="22"/>
      <c r="Q16" s="27"/>
      <c r="R16" s="28"/>
      <c r="S16" s="40"/>
      <c r="T16" s="41"/>
      <c r="U16" s="27"/>
      <c r="V16" s="28"/>
      <c r="W16" s="24"/>
      <c r="X16" s="22"/>
      <c r="Y16" s="27"/>
      <c r="Z16" s="28"/>
      <c r="AA16" s="24"/>
      <c r="AB16" s="22"/>
      <c r="AC16" s="27"/>
      <c r="AD16" s="28"/>
      <c r="AE16" s="24"/>
      <c r="AF16" s="22"/>
      <c r="AG16" s="27"/>
      <c r="AH16" s="28"/>
      <c r="AI16" s="40"/>
      <c r="AJ16" s="41"/>
      <c r="AK16" s="27"/>
      <c r="AL16" s="28"/>
      <c r="AM16" s="24"/>
      <c r="AN16" s="22"/>
      <c r="AO16" s="27"/>
      <c r="AP16" s="28"/>
      <c r="AQ16" s="40"/>
      <c r="AR16" s="41"/>
      <c r="AS16" s="27"/>
      <c r="AT16" s="28"/>
      <c r="AU16" s="24"/>
      <c r="AV16" s="22"/>
      <c r="AW16" s="27"/>
      <c r="AX16" s="28"/>
      <c r="AY16" s="43"/>
      <c r="AZ16" s="20"/>
      <c r="BA16" s="61"/>
      <c r="BB16" s="98"/>
    </row>
    <row r="17" spans="2:54" ht="21" customHeight="1" x14ac:dyDescent="0.15">
      <c r="B17" s="12"/>
      <c r="C17" s="13" t="s">
        <v>5</v>
      </c>
      <c r="D17" s="22"/>
      <c r="E17" s="27"/>
      <c r="F17" s="28"/>
      <c r="G17" s="24"/>
      <c r="H17" s="22"/>
      <c r="I17" s="27"/>
      <c r="J17" s="28"/>
      <c r="K17" s="24"/>
      <c r="L17" s="22"/>
      <c r="M17" s="27"/>
      <c r="N17" s="28"/>
      <c r="O17" s="24"/>
      <c r="P17" s="22"/>
      <c r="Q17" s="27"/>
      <c r="R17" s="28"/>
      <c r="S17" s="40"/>
      <c r="T17" s="41"/>
      <c r="U17" s="27"/>
      <c r="V17" s="28"/>
      <c r="W17" s="24"/>
      <c r="X17" s="22"/>
      <c r="Y17" s="27"/>
      <c r="Z17" s="28"/>
      <c r="AA17" s="24"/>
      <c r="AB17" s="22"/>
      <c r="AC17" s="27"/>
      <c r="AD17" s="28"/>
      <c r="AE17" s="24"/>
      <c r="AF17" s="22"/>
      <c r="AG17" s="27"/>
      <c r="AH17" s="28"/>
      <c r="AI17" s="40"/>
      <c r="AJ17" s="41"/>
      <c r="AK17" s="27"/>
      <c r="AL17" s="28"/>
      <c r="AM17" s="24"/>
      <c r="AN17" s="22"/>
      <c r="AO17" s="27"/>
      <c r="AP17" s="28"/>
      <c r="AQ17" s="40"/>
      <c r="AR17" s="41"/>
      <c r="AS17" s="27"/>
      <c r="AT17" s="28"/>
      <c r="AU17" s="24"/>
      <c r="AV17" s="22"/>
      <c r="AW17" s="27"/>
      <c r="AX17" s="28"/>
      <c r="AY17" s="43"/>
      <c r="AZ17" s="20"/>
      <c r="BA17" s="61"/>
      <c r="BB17" s="98"/>
    </row>
    <row r="18" spans="2:54" ht="21" customHeight="1" x14ac:dyDescent="0.15">
      <c r="B18" s="12"/>
      <c r="C18" s="13" t="s">
        <v>5</v>
      </c>
      <c r="D18" s="22"/>
      <c r="E18" s="27"/>
      <c r="F18" s="28"/>
      <c r="G18" s="24"/>
      <c r="H18" s="22"/>
      <c r="I18" s="27"/>
      <c r="J18" s="28"/>
      <c r="K18" s="24"/>
      <c r="L18" s="22"/>
      <c r="M18" s="27"/>
      <c r="N18" s="28"/>
      <c r="O18" s="24"/>
      <c r="P18" s="22"/>
      <c r="Q18" s="27"/>
      <c r="R18" s="28"/>
      <c r="S18" s="40"/>
      <c r="T18" s="41"/>
      <c r="U18" s="27"/>
      <c r="V18" s="28"/>
      <c r="W18" s="24"/>
      <c r="X18" s="22"/>
      <c r="Y18" s="27"/>
      <c r="Z18" s="28"/>
      <c r="AA18" s="24"/>
      <c r="AB18" s="22"/>
      <c r="AC18" s="27"/>
      <c r="AD18" s="28"/>
      <c r="AE18" s="24"/>
      <c r="AF18" s="22"/>
      <c r="AG18" s="27"/>
      <c r="AH18" s="28"/>
      <c r="AI18" s="40"/>
      <c r="AJ18" s="41"/>
      <c r="AK18" s="27"/>
      <c r="AL18" s="28"/>
      <c r="AM18" s="24"/>
      <c r="AN18" s="22"/>
      <c r="AO18" s="27"/>
      <c r="AP18" s="28"/>
      <c r="AQ18" s="40"/>
      <c r="AR18" s="41"/>
      <c r="AS18" s="27"/>
      <c r="AT18" s="28"/>
      <c r="AU18" s="24"/>
      <c r="AV18" s="22"/>
      <c r="AW18" s="27"/>
      <c r="AX18" s="28"/>
      <c r="AY18" s="43"/>
      <c r="AZ18" s="20"/>
      <c r="BA18" s="61"/>
      <c r="BB18" s="98"/>
    </row>
    <row r="19" spans="2:54" ht="21" customHeight="1" thickBot="1" x14ac:dyDescent="0.2">
      <c r="B19" s="10"/>
      <c r="C19" s="11" t="s">
        <v>5</v>
      </c>
      <c r="D19" s="46"/>
      <c r="E19" s="51"/>
      <c r="F19" s="52"/>
      <c r="G19" s="49"/>
      <c r="H19" s="46"/>
      <c r="I19" s="51"/>
      <c r="J19" s="52"/>
      <c r="K19" s="49"/>
      <c r="L19" s="46"/>
      <c r="M19" s="51"/>
      <c r="N19" s="52"/>
      <c r="O19" s="49"/>
      <c r="P19" s="46"/>
      <c r="Q19" s="51"/>
      <c r="R19" s="52"/>
      <c r="S19" s="47"/>
      <c r="T19" s="48"/>
      <c r="U19" s="51"/>
      <c r="V19" s="52"/>
      <c r="W19" s="49"/>
      <c r="X19" s="46"/>
      <c r="Y19" s="51"/>
      <c r="Z19" s="52"/>
      <c r="AA19" s="49"/>
      <c r="AB19" s="46"/>
      <c r="AC19" s="51"/>
      <c r="AD19" s="52"/>
      <c r="AE19" s="49"/>
      <c r="AF19" s="46"/>
      <c r="AG19" s="51"/>
      <c r="AH19" s="52"/>
      <c r="AI19" s="47"/>
      <c r="AJ19" s="48"/>
      <c r="AK19" s="51"/>
      <c r="AL19" s="52"/>
      <c r="AM19" s="49"/>
      <c r="AN19" s="46"/>
      <c r="AO19" s="51"/>
      <c r="AP19" s="52"/>
      <c r="AQ19" s="47"/>
      <c r="AR19" s="48"/>
      <c r="AS19" s="51"/>
      <c r="AT19" s="52"/>
      <c r="AU19" s="49"/>
      <c r="AV19" s="46"/>
      <c r="AW19" s="51"/>
      <c r="AX19" s="52"/>
      <c r="AY19" s="19"/>
      <c r="AZ19" s="18"/>
      <c r="BA19" s="60"/>
      <c r="BB19" s="99"/>
    </row>
    <row r="20" spans="2:54" ht="21" customHeight="1" thickTop="1" thickBot="1" x14ac:dyDescent="0.2">
      <c r="B20" s="130" t="s">
        <v>15</v>
      </c>
      <c r="C20" s="131"/>
      <c r="D20" s="131"/>
      <c r="E20" s="131"/>
      <c r="F20" s="131"/>
      <c r="G20" s="131"/>
      <c r="H20" s="131"/>
      <c r="I20" s="131"/>
      <c r="J20" s="131"/>
      <c r="K20" s="131"/>
      <c r="L20" s="131"/>
      <c r="M20" s="131"/>
      <c r="N20" s="131"/>
      <c r="O20" s="131"/>
      <c r="P20" s="131"/>
      <c r="Q20" s="131"/>
      <c r="R20" s="131"/>
      <c r="S20" s="131"/>
      <c r="T20" s="131"/>
      <c r="U20" s="131"/>
      <c r="V20" s="131"/>
      <c r="W20" s="131"/>
      <c r="X20" s="131"/>
      <c r="Y20" s="131"/>
      <c r="Z20" s="131"/>
      <c r="AA20" s="131"/>
      <c r="AB20" s="131"/>
      <c r="AC20" s="131"/>
      <c r="AD20" s="131"/>
      <c r="AE20" s="131"/>
      <c r="AF20" s="131"/>
      <c r="AG20" s="131"/>
      <c r="AH20" s="131"/>
      <c r="AI20" s="131"/>
      <c r="AJ20" s="131"/>
      <c r="AK20" s="131"/>
      <c r="AL20" s="131"/>
      <c r="AM20" s="131"/>
      <c r="AN20" s="131"/>
      <c r="AO20" s="131"/>
      <c r="AP20" s="131"/>
      <c r="AQ20" s="131"/>
      <c r="AR20" s="131"/>
      <c r="AS20" s="131"/>
      <c r="AT20" s="131"/>
      <c r="AU20" s="131"/>
      <c r="AV20" s="131"/>
      <c r="AW20" s="131"/>
      <c r="AX20" s="131"/>
      <c r="AY20" s="132"/>
      <c r="AZ20" s="50"/>
      <c r="BA20" s="62"/>
      <c r="BB20" s="63"/>
    </row>
    <row r="21" spans="2:54" ht="21" customHeight="1" x14ac:dyDescent="0.15">
      <c r="B21" s="144" t="s">
        <v>11</v>
      </c>
      <c r="C21" s="145"/>
      <c r="D21" s="102">
        <v>0</v>
      </c>
      <c r="E21" s="102"/>
      <c r="F21" s="102">
        <v>1</v>
      </c>
      <c r="G21" s="102"/>
      <c r="H21" s="102">
        <v>2</v>
      </c>
      <c r="I21" s="102"/>
      <c r="J21" s="102">
        <v>3</v>
      </c>
      <c r="K21" s="102"/>
      <c r="L21" s="102">
        <v>4</v>
      </c>
      <c r="M21" s="102"/>
      <c r="N21" s="102">
        <v>5</v>
      </c>
      <c r="O21" s="102"/>
      <c r="P21" s="102">
        <v>6</v>
      </c>
      <c r="Q21" s="102"/>
      <c r="R21" s="102">
        <v>7</v>
      </c>
      <c r="S21" s="102"/>
      <c r="T21" s="102">
        <v>8</v>
      </c>
      <c r="U21" s="102"/>
      <c r="V21" s="102">
        <v>9</v>
      </c>
      <c r="W21" s="102"/>
      <c r="X21" s="102">
        <v>10</v>
      </c>
      <c r="Y21" s="102"/>
      <c r="Z21" s="102">
        <v>11</v>
      </c>
      <c r="AA21" s="102"/>
      <c r="AB21" s="102">
        <v>12</v>
      </c>
      <c r="AC21" s="102"/>
      <c r="AD21" s="102">
        <v>13</v>
      </c>
      <c r="AE21" s="102"/>
      <c r="AF21" s="102">
        <v>14</v>
      </c>
      <c r="AG21" s="102"/>
      <c r="AH21" s="102">
        <v>15</v>
      </c>
      <c r="AI21" s="102"/>
      <c r="AJ21" s="102">
        <v>16</v>
      </c>
      <c r="AK21" s="102"/>
      <c r="AL21" s="102">
        <v>17</v>
      </c>
      <c r="AM21" s="102"/>
      <c r="AN21" s="102">
        <v>18</v>
      </c>
      <c r="AO21" s="102"/>
      <c r="AP21" s="102">
        <v>19</v>
      </c>
      <c r="AQ21" s="102"/>
      <c r="AR21" s="102">
        <v>20</v>
      </c>
      <c r="AS21" s="102"/>
      <c r="AT21" s="102">
        <v>21</v>
      </c>
      <c r="AU21" s="102"/>
      <c r="AV21" s="102">
        <v>22</v>
      </c>
      <c r="AW21" s="102"/>
      <c r="AX21" s="102">
        <v>23</v>
      </c>
      <c r="AY21" s="102"/>
      <c r="AZ21" s="115" t="s">
        <v>18</v>
      </c>
      <c r="BA21" s="117" t="s">
        <v>21</v>
      </c>
      <c r="BB21" s="118"/>
    </row>
    <row r="22" spans="2:54" ht="21" customHeight="1" thickBot="1" x14ac:dyDescent="0.2">
      <c r="B22" s="146"/>
      <c r="C22" s="147"/>
      <c r="D22" s="15"/>
      <c r="E22" s="15"/>
      <c r="F22" s="32"/>
      <c r="G22" s="33"/>
      <c r="H22" s="15"/>
      <c r="I22" s="15"/>
      <c r="J22" s="32"/>
      <c r="K22" s="33"/>
      <c r="L22" s="15"/>
      <c r="M22" s="15"/>
      <c r="N22" s="32"/>
      <c r="O22" s="33"/>
      <c r="P22" s="15"/>
      <c r="Q22" s="15"/>
      <c r="R22" s="32"/>
      <c r="S22" s="33"/>
      <c r="T22" s="15"/>
      <c r="U22" s="15"/>
      <c r="V22" s="32"/>
      <c r="W22" s="33"/>
      <c r="X22" s="15"/>
      <c r="Y22" s="15"/>
      <c r="Z22" s="32"/>
      <c r="AA22" s="33"/>
      <c r="AB22" s="15"/>
      <c r="AC22" s="15"/>
      <c r="AD22" s="32"/>
      <c r="AE22" s="33"/>
      <c r="AF22" s="15"/>
      <c r="AG22" s="15"/>
      <c r="AH22" s="32"/>
      <c r="AI22" s="33"/>
      <c r="AJ22" s="15"/>
      <c r="AK22" s="15"/>
      <c r="AL22" s="32"/>
      <c r="AM22" s="33"/>
      <c r="AN22" s="15"/>
      <c r="AO22" s="15"/>
      <c r="AP22" s="32"/>
      <c r="AQ22" s="15"/>
      <c r="AR22" s="32"/>
      <c r="AS22" s="15"/>
      <c r="AT22" s="32"/>
      <c r="AU22" s="15"/>
      <c r="AV22" s="32"/>
      <c r="AW22" s="15"/>
      <c r="AX22" s="32"/>
      <c r="AY22" s="34"/>
      <c r="AZ22" s="116"/>
      <c r="BA22" s="119"/>
      <c r="BB22" s="120"/>
    </row>
    <row r="23" spans="2:54" ht="21" customHeight="1" x14ac:dyDescent="0.15">
      <c r="B23" s="124" t="s">
        <v>6</v>
      </c>
      <c r="C23" s="125"/>
      <c r="D23" s="151"/>
      <c r="E23" s="107"/>
      <c r="F23" s="107"/>
      <c r="G23" s="107"/>
      <c r="H23" s="107"/>
      <c r="I23" s="107"/>
      <c r="J23" s="107"/>
      <c r="K23" s="107"/>
      <c r="L23" s="107"/>
      <c r="M23" s="107"/>
      <c r="N23" s="107"/>
      <c r="O23" s="107"/>
      <c r="P23" s="107"/>
      <c r="Q23" s="107"/>
      <c r="R23" s="107"/>
      <c r="S23" s="107"/>
      <c r="T23" s="107"/>
      <c r="U23" s="107"/>
      <c r="V23" s="107"/>
      <c r="W23" s="107"/>
      <c r="X23" s="107"/>
      <c r="Y23" s="107"/>
      <c r="Z23" s="107"/>
      <c r="AA23" s="107"/>
      <c r="AB23" s="107"/>
      <c r="AC23" s="107"/>
      <c r="AD23" s="107"/>
      <c r="AE23" s="107"/>
      <c r="AF23" s="107"/>
      <c r="AG23" s="107"/>
      <c r="AH23" s="107"/>
      <c r="AI23" s="107"/>
      <c r="AJ23" s="107"/>
      <c r="AK23" s="107"/>
      <c r="AL23" s="107"/>
      <c r="AM23" s="107"/>
      <c r="AN23" s="107"/>
      <c r="AO23" s="107"/>
      <c r="AP23" s="107"/>
      <c r="AQ23" s="107"/>
      <c r="AR23" s="107"/>
      <c r="AS23" s="107"/>
      <c r="AT23" s="107"/>
      <c r="AU23" s="107"/>
      <c r="AV23" s="107"/>
      <c r="AW23" s="107"/>
      <c r="AX23" s="107"/>
      <c r="AY23" s="152"/>
      <c r="AZ23" s="64"/>
      <c r="BA23" s="119"/>
      <c r="BB23" s="120"/>
    </row>
    <row r="24" spans="2:54" ht="21" customHeight="1" x14ac:dyDescent="0.15">
      <c r="B24" s="126" t="s">
        <v>7</v>
      </c>
      <c r="C24" s="127"/>
      <c r="D24" s="111"/>
      <c r="E24" s="106"/>
      <c r="F24" s="106"/>
      <c r="G24" s="106"/>
      <c r="H24" s="106"/>
      <c r="I24" s="106"/>
      <c r="J24" s="106"/>
      <c r="K24" s="106"/>
      <c r="L24" s="106"/>
      <c r="M24" s="106"/>
      <c r="N24" s="106"/>
      <c r="O24" s="106"/>
      <c r="P24" s="106"/>
      <c r="Q24" s="106"/>
      <c r="R24" s="106"/>
      <c r="S24" s="106"/>
      <c r="T24" s="106"/>
      <c r="U24" s="106"/>
      <c r="V24" s="106"/>
      <c r="W24" s="106"/>
      <c r="X24" s="106"/>
      <c r="Y24" s="106"/>
      <c r="Z24" s="106"/>
      <c r="AA24" s="106"/>
      <c r="AB24" s="106"/>
      <c r="AC24" s="106"/>
      <c r="AD24" s="106"/>
      <c r="AE24" s="106"/>
      <c r="AF24" s="106"/>
      <c r="AG24" s="106"/>
      <c r="AH24" s="106"/>
      <c r="AI24" s="106"/>
      <c r="AJ24" s="106"/>
      <c r="AK24" s="106"/>
      <c r="AL24" s="106"/>
      <c r="AM24" s="106"/>
      <c r="AN24" s="106"/>
      <c r="AO24" s="106"/>
      <c r="AP24" s="106"/>
      <c r="AQ24" s="106"/>
      <c r="AR24" s="106"/>
      <c r="AS24" s="106"/>
      <c r="AT24" s="106"/>
      <c r="AU24" s="106"/>
      <c r="AV24" s="106"/>
      <c r="AW24" s="106"/>
      <c r="AX24" s="106"/>
      <c r="AY24" s="113"/>
      <c r="AZ24" s="64"/>
      <c r="BA24" s="119"/>
      <c r="BB24" s="120"/>
    </row>
    <row r="25" spans="2:54" ht="21" customHeight="1" thickBot="1" x14ac:dyDescent="0.2">
      <c r="B25" s="128" t="s">
        <v>8</v>
      </c>
      <c r="C25" s="129"/>
      <c r="D25" s="114"/>
      <c r="E25" s="105"/>
      <c r="F25" s="105"/>
      <c r="G25" s="105"/>
      <c r="H25" s="105"/>
      <c r="I25" s="105"/>
      <c r="J25" s="105"/>
      <c r="K25" s="105"/>
      <c r="L25" s="105"/>
      <c r="M25" s="105"/>
      <c r="N25" s="105"/>
      <c r="O25" s="105"/>
      <c r="P25" s="105"/>
      <c r="Q25" s="105"/>
      <c r="R25" s="105"/>
      <c r="S25" s="105"/>
      <c r="T25" s="105"/>
      <c r="U25" s="105"/>
      <c r="V25" s="105"/>
      <c r="W25" s="105"/>
      <c r="X25" s="105"/>
      <c r="Y25" s="105"/>
      <c r="Z25" s="105"/>
      <c r="AA25" s="105"/>
      <c r="AB25" s="105"/>
      <c r="AC25" s="105"/>
      <c r="AD25" s="105"/>
      <c r="AE25" s="105"/>
      <c r="AF25" s="105"/>
      <c r="AG25" s="105"/>
      <c r="AH25" s="105"/>
      <c r="AI25" s="105"/>
      <c r="AJ25" s="105"/>
      <c r="AK25" s="105"/>
      <c r="AL25" s="105"/>
      <c r="AM25" s="105"/>
      <c r="AN25" s="105"/>
      <c r="AO25" s="105"/>
      <c r="AP25" s="105"/>
      <c r="AQ25" s="105"/>
      <c r="AR25" s="105"/>
      <c r="AS25" s="105"/>
      <c r="AT25" s="105"/>
      <c r="AU25" s="105"/>
      <c r="AV25" s="105"/>
      <c r="AW25" s="105"/>
      <c r="AX25" s="105"/>
      <c r="AY25" s="112"/>
      <c r="AZ25" s="65"/>
      <c r="BA25" s="119"/>
      <c r="BB25" s="120"/>
    </row>
    <row r="26" spans="2:54" ht="21" customHeight="1" thickTop="1" thickBot="1" x14ac:dyDescent="0.2">
      <c r="B26" s="133" t="s">
        <v>14</v>
      </c>
      <c r="C26" s="134"/>
      <c r="D26" s="110"/>
      <c r="E26" s="109"/>
      <c r="F26" s="108"/>
      <c r="G26" s="109"/>
      <c r="H26" s="108"/>
      <c r="I26" s="109"/>
      <c r="J26" s="108"/>
      <c r="K26" s="109"/>
      <c r="L26" s="108"/>
      <c r="M26" s="109"/>
      <c r="N26" s="108"/>
      <c r="O26" s="109"/>
      <c r="P26" s="108"/>
      <c r="Q26" s="109"/>
      <c r="R26" s="108"/>
      <c r="S26" s="109"/>
      <c r="T26" s="108"/>
      <c r="U26" s="109"/>
      <c r="V26" s="108"/>
      <c r="W26" s="109"/>
      <c r="X26" s="108"/>
      <c r="Y26" s="109"/>
      <c r="Z26" s="108"/>
      <c r="AA26" s="109"/>
      <c r="AB26" s="108"/>
      <c r="AC26" s="109"/>
      <c r="AD26" s="108"/>
      <c r="AE26" s="109"/>
      <c r="AF26" s="108"/>
      <c r="AG26" s="109"/>
      <c r="AH26" s="108"/>
      <c r="AI26" s="109"/>
      <c r="AJ26" s="108"/>
      <c r="AK26" s="109"/>
      <c r="AL26" s="108"/>
      <c r="AM26" s="109"/>
      <c r="AN26" s="108"/>
      <c r="AO26" s="109"/>
      <c r="AP26" s="108"/>
      <c r="AQ26" s="109"/>
      <c r="AR26" s="108"/>
      <c r="AS26" s="109"/>
      <c r="AT26" s="108"/>
      <c r="AU26" s="109"/>
      <c r="AV26" s="108"/>
      <c r="AW26" s="109"/>
      <c r="AX26" s="108"/>
      <c r="AY26" s="110"/>
      <c r="AZ26" s="66"/>
      <c r="BA26" s="121"/>
      <c r="BB26" s="122"/>
    </row>
    <row r="27" spans="2:54" ht="31.5" customHeight="1" x14ac:dyDescent="0.15">
      <c r="B27" s="100" t="s">
        <v>34</v>
      </c>
      <c r="C27" s="101"/>
      <c r="D27" s="101"/>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c r="BA27" s="101"/>
      <c r="BB27" s="101"/>
    </row>
    <row r="28" spans="2:54" ht="23.25" customHeight="1" x14ac:dyDescent="0.15">
      <c r="C28" s="3"/>
      <c r="D28" s="3"/>
      <c r="E28" s="3"/>
      <c r="F28" s="3"/>
      <c r="G28" s="3"/>
      <c r="H28" s="3"/>
      <c r="I28" s="3"/>
      <c r="J28" s="3"/>
      <c r="K28" s="3"/>
      <c r="L28" s="3"/>
      <c r="M28" s="3"/>
      <c r="N28" s="3"/>
      <c r="O28" s="3"/>
      <c r="P28" s="3"/>
      <c r="Q28" s="3"/>
      <c r="R28" s="3"/>
      <c r="S28" s="3"/>
      <c r="T28" s="3"/>
      <c r="U28" s="3"/>
      <c r="V28" s="3"/>
      <c r="W28" s="3"/>
      <c r="X28" s="3"/>
      <c r="Y28" s="3"/>
      <c r="Z28" s="3"/>
      <c r="AA28" s="3"/>
      <c r="AB28" s="3"/>
      <c r="AC28" s="3"/>
      <c r="AD28" s="3"/>
      <c r="AE28" s="3"/>
      <c r="AF28" s="3"/>
      <c r="AG28" s="3"/>
      <c r="AH28" s="3"/>
      <c r="AI28" s="3"/>
      <c r="AJ28" s="3"/>
      <c r="AK28" s="3"/>
      <c r="AL28" s="3"/>
      <c r="AM28" s="3"/>
      <c r="AN28" s="3"/>
      <c r="AO28" s="3"/>
      <c r="AP28" s="3"/>
      <c r="AQ28" s="3"/>
      <c r="AR28" s="3"/>
      <c r="AS28" s="3"/>
      <c r="AT28" s="3"/>
      <c r="AU28" s="3"/>
      <c r="AV28" s="3"/>
      <c r="AW28" s="3"/>
      <c r="AX28" s="3"/>
      <c r="AY28" s="3"/>
    </row>
    <row r="29" spans="2:54" s="2" customFormat="1" ht="14.25" x14ac:dyDescent="0.15">
      <c r="B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row>
    <row r="30" spans="2:54" s="2" customFormat="1" ht="14.25" x14ac:dyDescent="0.15">
      <c r="B30" s="4"/>
      <c r="C30" s="7"/>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row>
    <row r="31" spans="2:54" s="2" customFormat="1" ht="14.25" x14ac:dyDescent="0.15">
      <c r="B31" s="4"/>
      <c r="C31" s="7"/>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row>
    <row r="32" spans="2:54" s="2" customFormat="1" ht="14.25" x14ac:dyDescent="0.15">
      <c r="C32" s="7"/>
    </row>
    <row r="33" spans="3:3" s="2" customFormat="1" ht="14.25" x14ac:dyDescent="0.15">
      <c r="C33" s="7"/>
    </row>
    <row r="34" spans="3:3" s="2" customFormat="1" ht="14.25" x14ac:dyDescent="0.15">
      <c r="C34" s="7"/>
    </row>
    <row r="35" spans="3:3" s="2" customFormat="1" ht="14.25" x14ac:dyDescent="0.15"/>
    <row r="36" spans="3:3" s="2" customFormat="1" ht="14.25" x14ac:dyDescent="0.15">
      <c r="C36" s="7"/>
    </row>
    <row r="37" spans="3:3" s="2" customFormat="1" ht="14.25" x14ac:dyDescent="0.15">
      <c r="C37" s="7"/>
    </row>
    <row r="38" spans="3:3" s="2" customFormat="1" ht="14.25" x14ac:dyDescent="0.15"/>
    <row r="39" spans="3:3" s="2" customFormat="1" ht="14.25" x14ac:dyDescent="0.15"/>
  </sheetData>
  <mergeCells count="160">
    <mergeCell ref="AZ21:AZ22"/>
    <mergeCell ref="BA21:BB26"/>
    <mergeCell ref="B2:BB2"/>
    <mergeCell ref="B23:C23"/>
    <mergeCell ref="B24:C24"/>
    <mergeCell ref="B25:C25"/>
    <mergeCell ref="B20:AY20"/>
    <mergeCell ref="B26:C26"/>
    <mergeCell ref="B7:B9"/>
    <mergeCell ref="C7:C9"/>
    <mergeCell ref="AZ8:AZ9"/>
    <mergeCell ref="BB8:BB9"/>
    <mergeCell ref="B21:C22"/>
    <mergeCell ref="X23:Y23"/>
    <mergeCell ref="AZ7:BB7"/>
    <mergeCell ref="D23:E23"/>
    <mergeCell ref="F23:G23"/>
    <mergeCell ref="H23:I23"/>
    <mergeCell ref="J23:K23"/>
    <mergeCell ref="L23:M23"/>
    <mergeCell ref="AX23:AY23"/>
    <mergeCell ref="AL23:AM23"/>
    <mergeCell ref="AN23:AO23"/>
    <mergeCell ref="AP23:AQ23"/>
    <mergeCell ref="AV23:AW23"/>
    <mergeCell ref="Z23:AA23"/>
    <mergeCell ref="AB23:AC23"/>
    <mergeCell ref="AD23:AE23"/>
    <mergeCell ref="AF23:AG23"/>
    <mergeCell ref="AV24:AW24"/>
    <mergeCell ref="AX24:AY24"/>
    <mergeCell ref="D25:E25"/>
    <mergeCell ref="F25:G25"/>
    <mergeCell ref="H25:I25"/>
    <mergeCell ref="J25:K25"/>
    <mergeCell ref="L25:M25"/>
    <mergeCell ref="N25:O25"/>
    <mergeCell ref="P25:Q25"/>
    <mergeCell ref="AH24:AI24"/>
    <mergeCell ref="AJ24:AK24"/>
    <mergeCell ref="AL24:AM24"/>
    <mergeCell ref="AN24:AO24"/>
    <mergeCell ref="AP24:AQ24"/>
    <mergeCell ref="AR24:AS24"/>
    <mergeCell ref="V24:W24"/>
    <mergeCell ref="X24:Y24"/>
    <mergeCell ref="Z24:AA24"/>
    <mergeCell ref="AV25:AW25"/>
    <mergeCell ref="D24:E24"/>
    <mergeCell ref="F24:G24"/>
    <mergeCell ref="H24:I24"/>
    <mergeCell ref="J24:K24"/>
    <mergeCell ref="L24:M24"/>
    <mergeCell ref="AX25:AY25"/>
    <mergeCell ref="D26:E26"/>
    <mergeCell ref="F26:G26"/>
    <mergeCell ref="H26:I26"/>
    <mergeCell ref="J26:K26"/>
    <mergeCell ref="L26:M26"/>
    <mergeCell ref="AD25:AE25"/>
    <mergeCell ref="AF25:AG25"/>
    <mergeCell ref="AH25:AI25"/>
    <mergeCell ref="AJ25:AK25"/>
    <mergeCell ref="AL25:AM25"/>
    <mergeCell ref="AN25:AO25"/>
    <mergeCell ref="R25:S25"/>
    <mergeCell ref="T25:U25"/>
    <mergeCell ref="V25:W25"/>
    <mergeCell ref="X25:Y25"/>
    <mergeCell ref="Z25:AA25"/>
    <mergeCell ref="AB25:AC25"/>
    <mergeCell ref="N26:O26"/>
    <mergeCell ref="P26:Q26"/>
    <mergeCell ref="AX26:AY26"/>
    <mergeCell ref="AL26:AM26"/>
    <mergeCell ref="AN26:AO26"/>
    <mergeCell ref="AP26:AQ26"/>
    <mergeCell ref="AR26:AS26"/>
    <mergeCell ref="AT26:AU26"/>
    <mergeCell ref="AV26:AW26"/>
    <mergeCell ref="Z26:AA26"/>
    <mergeCell ref="AB26:AC26"/>
    <mergeCell ref="AD26:AE26"/>
    <mergeCell ref="AF26:AG26"/>
    <mergeCell ref="AH26:AI26"/>
    <mergeCell ref="AJ26:AK26"/>
    <mergeCell ref="R26:S26"/>
    <mergeCell ref="T26:U26"/>
    <mergeCell ref="V26:W26"/>
    <mergeCell ref="X26:Y26"/>
    <mergeCell ref="P23:Q23"/>
    <mergeCell ref="AT24:AU24"/>
    <mergeCell ref="N24:O24"/>
    <mergeCell ref="P24:Q24"/>
    <mergeCell ref="R24:S24"/>
    <mergeCell ref="T24:U24"/>
    <mergeCell ref="R23:S23"/>
    <mergeCell ref="T23:U23"/>
    <mergeCell ref="V23:W23"/>
    <mergeCell ref="AT23:AU23"/>
    <mergeCell ref="AR23:AS23"/>
    <mergeCell ref="BA8:BA9"/>
    <mergeCell ref="X8:Y8"/>
    <mergeCell ref="Z8:AA8"/>
    <mergeCell ref="AB8:AC8"/>
    <mergeCell ref="AD8:AE8"/>
    <mergeCell ref="AF8:AG8"/>
    <mergeCell ref="AH8:AI8"/>
    <mergeCell ref="AJ8:AK8"/>
    <mergeCell ref="AL8:AM8"/>
    <mergeCell ref="AN8:AO8"/>
    <mergeCell ref="AP8:AQ8"/>
    <mergeCell ref="AR8:AS8"/>
    <mergeCell ref="AT8:AU8"/>
    <mergeCell ref="AV8:AW8"/>
    <mergeCell ref="AX8:AY8"/>
    <mergeCell ref="V8:W8"/>
    <mergeCell ref="D21:E21"/>
    <mergeCell ref="F21:G21"/>
    <mergeCell ref="H21:I21"/>
    <mergeCell ref="J21:K21"/>
    <mergeCell ref="L21:M21"/>
    <mergeCell ref="N21:O21"/>
    <mergeCell ref="P21:Q21"/>
    <mergeCell ref="R21:S21"/>
    <mergeCell ref="T21:U21"/>
    <mergeCell ref="V21:W21"/>
    <mergeCell ref="D8:E8"/>
    <mergeCell ref="F8:G8"/>
    <mergeCell ref="H8:I8"/>
    <mergeCell ref="J8:K8"/>
    <mergeCell ref="L8:M8"/>
    <mergeCell ref="N8:O8"/>
    <mergeCell ref="P8:Q8"/>
    <mergeCell ref="R8:S8"/>
    <mergeCell ref="T8:U8"/>
    <mergeCell ref="B27:BB27"/>
    <mergeCell ref="AP21:AQ21"/>
    <mergeCell ref="AR21:AS21"/>
    <mergeCell ref="AT21:AU21"/>
    <mergeCell ref="AV21:AW21"/>
    <mergeCell ref="AX21:AY21"/>
    <mergeCell ref="X21:Y21"/>
    <mergeCell ref="Z21:AA21"/>
    <mergeCell ref="AB21:AC21"/>
    <mergeCell ref="AD21:AE21"/>
    <mergeCell ref="AF21:AG21"/>
    <mergeCell ref="AH21:AI21"/>
    <mergeCell ref="AJ21:AK21"/>
    <mergeCell ref="AL21:AM21"/>
    <mergeCell ref="AN21:AO21"/>
    <mergeCell ref="AP25:AQ25"/>
    <mergeCell ref="AR25:AS25"/>
    <mergeCell ref="AT25:AU25"/>
    <mergeCell ref="AB24:AC24"/>
    <mergeCell ref="AD24:AE24"/>
    <mergeCell ref="AF24:AG24"/>
    <mergeCell ref="AH23:AI23"/>
    <mergeCell ref="AJ23:AK23"/>
    <mergeCell ref="N23:O23"/>
  </mergeCells>
  <phoneticPr fontId="1"/>
  <printOptions horizontalCentered="1"/>
  <pageMargins left="0.59055118110236227" right="0.59055118110236227" top="0.59055118110236227" bottom="0.59055118110236227" header="0.51181102362204722" footer="0.31496062992125984"/>
  <pageSetup paperSize="9"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C3:BE42"/>
  <sheetViews>
    <sheetView showGridLines="0" topLeftCell="A11" zoomScaleNormal="100" zoomScaleSheetLayoutView="100" workbookViewId="0">
      <selection activeCell="C5" sqref="C5:BE30"/>
    </sheetView>
  </sheetViews>
  <sheetFormatPr defaultRowHeight="13.5" x14ac:dyDescent="0.15"/>
  <cols>
    <col min="1" max="2" width="2.875" style="1" customWidth="1"/>
    <col min="3" max="3" width="1.5" style="1" customWidth="1"/>
    <col min="4" max="4" width="6.625" style="1" customWidth="1"/>
    <col min="5" max="5" width="8.75" style="1" customWidth="1"/>
    <col min="6" max="53" width="2.125" style="1" customWidth="1"/>
    <col min="54" max="55" width="5.25" style="1" customWidth="1"/>
    <col min="56" max="56" width="8.125" style="1" customWidth="1"/>
    <col min="57" max="57" width="1.25" style="1" customWidth="1"/>
    <col min="58" max="58" width="2.25" style="1" customWidth="1"/>
    <col min="59" max="59" width="2.125" style="1" customWidth="1"/>
    <col min="60" max="16384" width="9" style="1"/>
  </cols>
  <sheetData>
    <row r="3" spans="3:57" x14ac:dyDescent="0.15">
      <c r="C3" s="3"/>
      <c r="D3" s="3"/>
      <c r="E3" s="3"/>
      <c r="F3" s="3"/>
      <c r="G3" s="3"/>
      <c r="H3" s="3"/>
      <c r="I3" s="3"/>
      <c r="J3" s="3"/>
      <c r="K3" s="3"/>
      <c r="L3" s="3"/>
      <c r="M3" s="3"/>
      <c r="N3" s="3"/>
      <c r="O3" s="3"/>
      <c r="P3" s="3"/>
      <c r="Q3" s="3"/>
      <c r="R3" s="3"/>
      <c r="S3" s="3"/>
      <c r="T3" s="3"/>
      <c r="U3" s="3"/>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row>
    <row r="4" spans="3:57" ht="14.25" x14ac:dyDescent="0.15">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67" t="s">
        <v>22</v>
      </c>
      <c r="BE4" s="3"/>
    </row>
    <row r="5" spans="3:57" ht="19.5" customHeight="1" x14ac:dyDescent="0.2">
      <c r="C5" s="3"/>
      <c r="D5" s="164" t="s">
        <v>1</v>
      </c>
      <c r="E5" s="164"/>
      <c r="F5" s="164"/>
      <c r="G5" s="164"/>
      <c r="H5" s="164"/>
      <c r="I5" s="164"/>
      <c r="J5" s="164"/>
      <c r="K5" s="164"/>
      <c r="L5" s="164"/>
      <c r="M5" s="164"/>
      <c r="N5" s="164"/>
      <c r="O5" s="164"/>
      <c r="P5" s="164"/>
      <c r="Q5" s="164"/>
      <c r="R5" s="164"/>
      <c r="S5" s="164"/>
      <c r="T5" s="164"/>
      <c r="U5" s="164"/>
      <c r="V5" s="164"/>
      <c r="W5" s="164"/>
      <c r="X5" s="164"/>
      <c r="Y5" s="164"/>
      <c r="Z5" s="164"/>
      <c r="AA5" s="164"/>
      <c r="AB5" s="164"/>
      <c r="AC5" s="164"/>
      <c r="AD5" s="164"/>
      <c r="AE5" s="164"/>
      <c r="AF5" s="164"/>
      <c r="AG5" s="164"/>
      <c r="AH5" s="164"/>
      <c r="AI5" s="164"/>
      <c r="AJ5" s="164"/>
      <c r="AK5" s="164"/>
      <c r="AL5" s="164"/>
      <c r="AM5" s="164"/>
      <c r="AN5" s="164"/>
      <c r="AO5" s="164"/>
      <c r="AP5" s="164"/>
      <c r="AQ5" s="164"/>
      <c r="AR5" s="164"/>
      <c r="AS5" s="164"/>
      <c r="AT5" s="164"/>
      <c r="AU5" s="164"/>
      <c r="AV5" s="164"/>
      <c r="AW5" s="164"/>
      <c r="AX5" s="164"/>
      <c r="AY5" s="164"/>
      <c r="AZ5" s="164"/>
      <c r="BA5" s="164"/>
      <c r="BB5" s="164"/>
      <c r="BC5" s="164"/>
      <c r="BD5" s="164"/>
      <c r="BE5" s="3"/>
    </row>
    <row r="6" spans="3:57" ht="14.25" customHeight="1" x14ac:dyDescent="0.2">
      <c r="C6" s="3"/>
      <c r="D6" s="68"/>
      <c r="E6" s="3"/>
      <c r="F6" s="3"/>
      <c r="G6" s="3"/>
      <c r="H6" s="3"/>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row>
    <row r="7" spans="3:57" s="2" customFormat="1" ht="18" customHeight="1" thickBot="1" x14ac:dyDescent="0.2">
      <c r="C7" s="4"/>
      <c r="D7" s="36" t="s">
        <v>20</v>
      </c>
      <c r="E7" s="69"/>
      <c r="F7" s="69"/>
      <c r="G7" s="69"/>
      <c r="H7" s="69"/>
      <c r="I7" s="69"/>
      <c r="J7" s="69"/>
      <c r="K7" s="69"/>
      <c r="L7" s="69"/>
      <c r="M7" s="69"/>
      <c r="N7" s="69"/>
      <c r="O7" s="69"/>
      <c r="P7" s="69"/>
      <c r="Q7" s="69"/>
      <c r="R7" s="69"/>
      <c r="S7" s="69"/>
      <c r="T7" s="69"/>
      <c r="U7" s="69"/>
      <c r="V7" s="69"/>
      <c r="W7" s="69"/>
      <c r="X7" s="4"/>
      <c r="Y7" s="4"/>
      <c r="Z7" s="4"/>
      <c r="AA7" s="4"/>
      <c r="AB7" s="4"/>
      <c r="AC7" s="4"/>
      <c r="AD7" s="4"/>
      <c r="AE7" s="4"/>
      <c r="AF7" s="69"/>
      <c r="AG7" s="69"/>
      <c r="AH7" s="69"/>
      <c r="AI7" s="4"/>
      <c r="AJ7" s="4"/>
      <c r="AK7" s="4"/>
      <c r="AL7" s="69"/>
      <c r="AM7" s="4"/>
      <c r="AN7" s="4"/>
      <c r="AO7" s="4"/>
      <c r="AP7" s="70" t="s">
        <v>13</v>
      </c>
      <c r="AQ7" s="4"/>
      <c r="AR7" s="4"/>
      <c r="AS7" s="71"/>
      <c r="AT7" s="4"/>
      <c r="AU7" s="3"/>
      <c r="AV7" s="4"/>
      <c r="AW7" s="4"/>
      <c r="AX7" s="4"/>
      <c r="AY7" s="70"/>
      <c r="AZ7" s="4"/>
      <c r="BA7" s="70"/>
      <c r="BB7" s="70" t="s">
        <v>2</v>
      </c>
      <c r="BC7" s="70"/>
      <c r="BD7" s="4"/>
      <c r="BE7" s="4"/>
    </row>
    <row r="8" spans="3:57" s="2" customFormat="1" ht="18" customHeight="1" thickBot="1" x14ac:dyDescent="0.2">
      <c r="C8" s="4"/>
      <c r="D8" s="36" t="s">
        <v>23</v>
      </c>
      <c r="E8" s="69"/>
      <c r="F8" s="69"/>
      <c r="G8" s="69"/>
      <c r="H8" s="69"/>
      <c r="I8" s="69"/>
      <c r="J8" s="69"/>
      <c r="K8" s="69"/>
      <c r="L8" s="69"/>
      <c r="M8" s="69"/>
      <c r="N8" s="69"/>
      <c r="O8" s="69"/>
      <c r="P8" s="69"/>
      <c r="Q8" s="69"/>
      <c r="R8" s="69"/>
      <c r="S8" s="69"/>
      <c r="T8" s="69"/>
      <c r="U8" s="69"/>
      <c r="V8" s="69"/>
      <c r="W8" s="69"/>
      <c r="X8" s="4"/>
      <c r="Y8" s="4"/>
      <c r="Z8" s="4"/>
      <c r="AA8" s="4"/>
      <c r="AB8" s="4"/>
      <c r="AC8" s="4"/>
      <c r="AD8" s="4"/>
      <c r="AE8" s="4"/>
      <c r="AF8" s="69"/>
      <c r="AG8" s="69"/>
      <c r="AH8" s="69"/>
      <c r="AI8" s="4"/>
      <c r="AJ8" s="4"/>
      <c r="AK8" s="4"/>
      <c r="AM8" s="44"/>
      <c r="AN8" s="53"/>
      <c r="AO8" s="45"/>
      <c r="AP8" s="37" t="s">
        <v>10</v>
      </c>
      <c r="BE8" s="4"/>
    </row>
    <row r="9" spans="3:57" ht="20.25" customHeight="1" thickBot="1" x14ac:dyDescent="0.2">
      <c r="C9" s="3"/>
      <c r="D9" s="30" t="s">
        <v>24</v>
      </c>
      <c r="E9" s="29"/>
      <c r="F9" s="29"/>
      <c r="G9" s="29"/>
      <c r="H9" s="29"/>
      <c r="I9" s="29"/>
      <c r="J9" s="29"/>
      <c r="K9" s="29"/>
      <c r="L9" s="29"/>
      <c r="M9" s="29"/>
      <c r="N9" s="29"/>
      <c r="O9" s="29"/>
      <c r="P9" s="29"/>
      <c r="Q9" s="29"/>
      <c r="R9" s="29"/>
      <c r="S9" s="29"/>
      <c r="T9" s="29"/>
      <c r="U9" s="29"/>
      <c r="V9" s="29"/>
      <c r="W9" s="29"/>
      <c r="X9" s="29"/>
      <c r="Y9" s="29"/>
      <c r="Z9" s="29"/>
      <c r="AA9" s="29"/>
      <c r="AB9" s="29"/>
      <c r="AC9" s="29"/>
      <c r="AD9" s="29"/>
      <c r="AE9" s="29"/>
      <c r="AF9" s="29"/>
      <c r="AG9" s="29"/>
      <c r="AH9" s="29"/>
      <c r="AI9" s="29"/>
      <c r="AJ9" s="29"/>
      <c r="AK9" s="29"/>
      <c r="AL9" s="3"/>
      <c r="AM9" s="3"/>
      <c r="AN9" s="3"/>
      <c r="AO9" s="3"/>
      <c r="AP9" s="3"/>
      <c r="AQ9" s="3"/>
      <c r="AR9" s="3"/>
      <c r="AS9" s="3"/>
      <c r="AT9" s="3"/>
      <c r="AU9" s="3"/>
      <c r="AV9" s="3"/>
      <c r="AW9" s="3"/>
      <c r="AX9" s="3"/>
      <c r="AY9" s="3"/>
      <c r="AZ9" s="3"/>
      <c r="BA9" s="3"/>
      <c r="BB9" s="3"/>
      <c r="BC9" s="3"/>
      <c r="BD9" s="3"/>
      <c r="BE9" s="3"/>
    </row>
    <row r="10" spans="3:57" s="6" customFormat="1" ht="29.25" customHeight="1" x14ac:dyDescent="0.15">
      <c r="C10" s="72"/>
      <c r="D10" s="135" t="s">
        <v>0</v>
      </c>
      <c r="E10" s="138" t="s">
        <v>3</v>
      </c>
      <c r="F10" s="16"/>
      <c r="G10" s="14"/>
      <c r="H10" s="14"/>
      <c r="I10" s="14"/>
      <c r="J10" s="14"/>
      <c r="K10" s="14"/>
      <c r="L10" s="14"/>
      <c r="M10" s="14"/>
      <c r="N10" s="14"/>
      <c r="O10" s="14"/>
      <c r="P10" s="14"/>
      <c r="Q10" s="14"/>
      <c r="R10" s="14"/>
      <c r="S10" s="14"/>
      <c r="T10" s="14"/>
      <c r="U10" s="14"/>
      <c r="V10" s="14"/>
      <c r="W10" s="14"/>
      <c r="X10" s="14"/>
      <c r="Y10" s="14"/>
      <c r="Z10" s="14"/>
      <c r="AA10" s="14"/>
      <c r="AB10" s="14"/>
      <c r="AC10" s="14"/>
      <c r="AD10" s="14"/>
      <c r="AE10" s="14"/>
      <c r="AF10" s="14"/>
      <c r="AG10" s="14"/>
      <c r="AH10" s="14"/>
      <c r="AI10" s="14"/>
      <c r="AJ10" s="14"/>
      <c r="AK10" s="14"/>
      <c r="AL10" s="14"/>
      <c r="AM10" s="14"/>
      <c r="AN10" s="14"/>
      <c r="AO10" s="14"/>
      <c r="AP10" s="14"/>
      <c r="AQ10" s="14"/>
      <c r="AR10" s="14"/>
      <c r="AS10" s="14"/>
      <c r="AT10" s="14"/>
      <c r="AU10" s="14"/>
      <c r="AV10" s="14"/>
      <c r="AW10" s="14"/>
      <c r="AX10" s="14"/>
      <c r="AY10" s="14"/>
      <c r="AZ10" s="14"/>
      <c r="BA10" s="17"/>
      <c r="BB10" s="148" t="s">
        <v>16</v>
      </c>
      <c r="BC10" s="149"/>
      <c r="BD10" s="150"/>
      <c r="BE10" s="72"/>
    </row>
    <row r="11" spans="3:57" s="6" customFormat="1" ht="37.5" customHeight="1" x14ac:dyDescent="0.15">
      <c r="C11" s="72"/>
      <c r="D11" s="136"/>
      <c r="E11" s="139"/>
      <c r="F11" s="102">
        <v>0</v>
      </c>
      <c r="G11" s="102"/>
      <c r="H11" s="102">
        <v>1</v>
      </c>
      <c r="I11" s="102"/>
      <c r="J11" s="102">
        <v>2</v>
      </c>
      <c r="K11" s="102"/>
      <c r="L11" s="102">
        <v>3</v>
      </c>
      <c r="M11" s="102"/>
      <c r="N11" s="102">
        <v>4</v>
      </c>
      <c r="O11" s="102"/>
      <c r="P11" s="102">
        <v>5</v>
      </c>
      <c r="Q11" s="102"/>
      <c r="R11" s="102">
        <v>6</v>
      </c>
      <c r="S11" s="102"/>
      <c r="T11" s="102">
        <v>7</v>
      </c>
      <c r="U11" s="102"/>
      <c r="V11" s="102">
        <v>8</v>
      </c>
      <c r="W11" s="102"/>
      <c r="X11" s="102">
        <v>9</v>
      </c>
      <c r="Y11" s="102"/>
      <c r="Z11" s="102">
        <v>10</v>
      </c>
      <c r="AA11" s="102"/>
      <c r="AB11" s="102">
        <v>11</v>
      </c>
      <c r="AC11" s="102"/>
      <c r="AD11" s="102">
        <v>12</v>
      </c>
      <c r="AE11" s="102"/>
      <c r="AF11" s="102">
        <v>13</v>
      </c>
      <c r="AG11" s="102"/>
      <c r="AH11" s="102">
        <v>14</v>
      </c>
      <c r="AI11" s="102"/>
      <c r="AJ11" s="102">
        <v>15</v>
      </c>
      <c r="AK11" s="102"/>
      <c r="AL11" s="102">
        <v>16</v>
      </c>
      <c r="AM11" s="102"/>
      <c r="AN11" s="102">
        <v>17</v>
      </c>
      <c r="AO11" s="102"/>
      <c r="AP11" s="102">
        <v>18</v>
      </c>
      <c r="AQ11" s="102"/>
      <c r="AR11" s="102">
        <v>19</v>
      </c>
      <c r="AS11" s="102"/>
      <c r="AT11" s="102">
        <v>20</v>
      </c>
      <c r="AU11" s="102"/>
      <c r="AV11" s="102">
        <v>21</v>
      </c>
      <c r="AW11" s="102"/>
      <c r="AX11" s="102">
        <v>22</v>
      </c>
      <c r="AY11" s="102"/>
      <c r="AZ11" s="102">
        <v>23</v>
      </c>
      <c r="BA11" s="102"/>
      <c r="BB11" s="141" t="s">
        <v>9</v>
      </c>
      <c r="BC11" s="103" t="s">
        <v>10</v>
      </c>
      <c r="BD11" s="143" t="s">
        <v>17</v>
      </c>
      <c r="BE11" s="72"/>
    </row>
    <row r="12" spans="3:57" s="6" customFormat="1" ht="3.75" customHeight="1" thickBot="1" x14ac:dyDescent="0.2">
      <c r="C12" s="72"/>
      <c r="D12" s="137"/>
      <c r="E12" s="140"/>
      <c r="F12" s="31"/>
      <c r="G12" s="15"/>
      <c r="H12" s="32"/>
      <c r="I12" s="33"/>
      <c r="J12" s="15"/>
      <c r="K12" s="15"/>
      <c r="L12" s="32"/>
      <c r="M12" s="33"/>
      <c r="N12" s="15"/>
      <c r="O12" s="15"/>
      <c r="P12" s="32"/>
      <c r="Q12" s="33"/>
      <c r="R12" s="15"/>
      <c r="S12" s="15"/>
      <c r="T12" s="32"/>
      <c r="U12" s="33"/>
      <c r="V12" s="15"/>
      <c r="W12" s="15"/>
      <c r="X12" s="32"/>
      <c r="Y12" s="33"/>
      <c r="Z12" s="15"/>
      <c r="AA12" s="15"/>
      <c r="AB12" s="32"/>
      <c r="AC12" s="33"/>
      <c r="AD12" s="15"/>
      <c r="AE12" s="15"/>
      <c r="AF12" s="32"/>
      <c r="AG12" s="33"/>
      <c r="AH12" s="15"/>
      <c r="AI12" s="15"/>
      <c r="AJ12" s="32"/>
      <c r="AK12" s="33"/>
      <c r="AL12" s="15"/>
      <c r="AM12" s="15"/>
      <c r="AN12" s="32"/>
      <c r="AO12" s="33"/>
      <c r="AP12" s="15"/>
      <c r="AQ12" s="15"/>
      <c r="AR12" s="32"/>
      <c r="AS12" s="15"/>
      <c r="AT12" s="32"/>
      <c r="AU12" s="15"/>
      <c r="AV12" s="32"/>
      <c r="AW12" s="15"/>
      <c r="AX12" s="32"/>
      <c r="AY12" s="15"/>
      <c r="AZ12" s="32"/>
      <c r="BA12" s="34"/>
      <c r="BB12" s="142"/>
      <c r="BC12" s="104"/>
      <c r="BD12" s="140"/>
      <c r="BE12" s="72"/>
    </row>
    <row r="13" spans="3:57" ht="23.25" customHeight="1" x14ac:dyDescent="0.15">
      <c r="C13" s="3"/>
      <c r="D13" s="73">
        <v>1</v>
      </c>
      <c r="E13" s="11" t="s">
        <v>4</v>
      </c>
      <c r="F13" s="54"/>
      <c r="G13" s="55"/>
      <c r="H13" s="56"/>
      <c r="I13" s="57"/>
      <c r="J13" s="54"/>
      <c r="K13" s="55"/>
      <c r="L13" s="56"/>
      <c r="M13" s="57"/>
      <c r="N13" s="54"/>
      <c r="O13" s="55"/>
      <c r="P13" s="56"/>
      <c r="Q13" s="57"/>
      <c r="R13" s="54"/>
      <c r="S13" s="55"/>
      <c r="T13" s="56"/>
      <c r="U13" s="58"/>
      <c r="V13" s="59"/>
      <c r="W13" s="55"/>
      <c r="X13" s="56"/>
      <c r="Y13" s="57"/>
      <c r="Z13" s="54"/>
      <c r="AA13" s="55"/>
      <c r="AB13" s="56"/>
      <c r="AC13" s="57"/>
      <c r="AD13" s="74"/>
      <c r="AE13" s="75"/>
      <c r="AF13" s="74"/>
      <c r="AG13" s="75"/>
      <c r="AH13" s="54"/>
      <c r="AI13" s="55"/>
      <c r="AJ13" s="56"/>
      <c r="AK13" s="58"/>
      <c r="AL13" s="59"/>
      <c r="AM13" s="55"/>
      <c r="AN13" s="56"/>
      <c r="AO13" s="57"/>
      <c r="AP13" s="54"/>
      <c r="AQ13" s="55"/>
      <c r="AR13" s="56"/>
      <c r="AS13" s="58"/>
      <c r="AT13" s="59"/>
      <c r="AU13" s="55"/>
      <c r="AV13" s="56"/>
      <c r="AW13" s="57"/>
      <c r="AX13" s="54"/>
      <c r="AY13" s="55"/>
      <c r="AZ13" s="56"/>
      <c r="BA13" s="3"/>
      <c r="BB13" s="76">
        <v>5</v>
      </c>
      <c r="BC13" s="77">
        <v>0</v>
      </c>
      <c r="BD13" s="78"/>
      <c r="BE13" s="3"/>
    </row>
    <row r="14" spans="3:57" ht="23.25" customHeight="1" x14ac:dyDescent="0.15">
      <c r="C14" s="3"/>
      <c r="D14" s="79">
        <v>2</v>
      </c>
      <c r="E14" s="13" t="s">
        <v>4</v>
      </c>
      <c r="F14" s="21"/>
      <c r="G14" s="25"/>
      <c r="H14" s="26"/>
      <c r="I14" s="23"/>
      <c r="J14" s="21"/>
      <c r="K14" s="25"/>
      <c r="L14" s="26"/>
      <c r="M14" s="23"/>
      <c r="N14" s="21"/>
      <c r="O14" s="25"/>
      <c r="P14" s="26"/>
      <c r="Q14" s="23"/>
      <c r="R14" s="21"/>
      <c r="S14" s="25"/>
      <c r="T14" s="26"/>
      <c r="U14" s="38"/>
      <c r="V14" s="39"/>
      <c r="W14" s="25"/>
      <c r="X14" s="26"/>
      <c r="Y14" s="23"/>
      <c r="Z14" s="21"/>
      <c r="AA14" s="25"/>
      <c r="AB14" s="26"/>
      <c r="AC14" s="23"/>
      <c r="AD14" s="21"/>
      <c r="AE14" s="80"/>
      <c r="AF14" s="21"/>
      <c r="AG14" s="25"/>
      <c r="AH14" s="21"/>
      <c r="AI14" s="25"/>
      <c r="AJ14" s="26"/>
      <c r="AK14" s="38"/>
      <c r="AL14" s="39"/>
      <c r="AM14" s="25"/>
      <c r="AN14" s="26"/>
      <c r="AO14" s="23"/>
      <c r="AP14" s="21"/>
      <c r="AQ14" s="25"/>
      <c r="AR14" s="26"/>
      <c r="AS14" s="38"/>
      <c r="AT14" s="39"/>
      <c r="AU14" s="25"/>
      <c r="AV14" s="26"/>
      <c r="AW14" s="23"/>
      <c r="AX14" s="21"/>
      <c r="AY14" s="25"/>
      <c r="AZ14" s="26"/>
      <c r="BA14" s="42"/>
      <c r="BB14" s="81">
        <v>5</v>
      </c>
      <c r="BC14" s="82">
        <v>0</v>
      </c>
      <c r="BD14" s="83"/>
      <c r="BE14" s="3"/>
    </row>
    <row r="15" spans="3:57" ht="23.25" customHeight="1" x14ac:dyDescent="0.15">
      <c r="C15" s="3"/>
      <c r="D15" s="79">
        <v>3</v>
      </c>
      <c r="E15" s="13" t="s">
        <v>25</v>
      </c>
      <c r="F15" s="22"/>
      <c r="G15" s="27"/>
      <c r="H15" s="28"/>
      <c r="I15" s="24"/>
      <c r="J15" s="22"/>
      <c r="K15" s="27"/>
      <c r="L15" s="28"/>
      <c r="M15" s="24"/>
      <c r="N15" s="22"/>
      <c r="O15" s="27"/>
      <c r="P15" s="28"/>
      <c r="Q15" s="24"/>
      <c r="R15" s="22"/>
      <c r="S15" s="27"/>
      <c r="T15" s="28"/>
      <c r="U15" s="40"/>
      <c r="V15" s="41"/>
      <c r="W15" s="27"/>
      <c r="X15" s="28"/>
      <c r="Y15" s="24"/>
      <c r="Z15" s="22"/>
      <c r="AA15" s="27"/>
      <c r="AB15" s="26"/>
      <c r="AC15" s="23"/>
      <c r="AD15" s="84"/>
      <c r="AE15" s="85"/>
      <c r="AF15" s="28"/>
      <c r="AG15" s="24"/>
      <c r="AH15" s="22"/>
      <c r="AI15" s="27"/>
      <c r="AJ15" s="28"/>
      <c r="AK15" s="40"/>
      <c r="AL15" s="41"/>
      <c r="AM15" s="27"/>
      <c r="AN15" s="28"/>
      <c r="AO15" s="24"/>
      <c r="AP15" s="22"/>
      <c r="AQ15" s="27"/>
      <c r="AR15" s="28"/>
      <c r="AS15" s="40"/>
      <c r="AT15" s="41"/>
      <c r="AU15" s="27"/>
      <c r="AV15" s="28"/>
      <c r="AW15" s="24"/>
      <c r="AX15" s="22"/>
      <c r="AY15" s="27"/>
      <c r="AZ15" s="28"/>
      <c r="BA15" s="43"/>
      <c r="BB15" s="81">
        <v>7</v>
      </c>
      <c r="BC15" s="82">
        <v>1</v>
      </c>
      <c r="BD15" s="83"/>
      <c r="BE15" s="3"/>
    </row>
    <row r="16" spans="3:57" ht="23.25" customHeight="1" x14ac:dyDescent="0.15">
      <c r="C16" s="3"/>
      <c r="D16" s="79">
        <v>4</v>
      </c>
      <c r="E16" s="13" t="s">
        <v>25</v>
      </c>
      <c r="F16" s="22"/>
      <c r="G16" s="27"/>
      <c r="H16" s="28"/>
      <c r="I16" s="24"/>
      <c r="J16" s="22"/>
      <c r="K16" s="27"/>
      <c r="L16" s="28"/>
      <c r="M16" s="24"/>
      <c r="N16" s="21"/>
      <c r="O16" s="27"/>
      <c r="P16" s="28"/>
      <c r="Q16" s="24"/>
      <c r="R16" s="22"/>
      <c r="S16" s="27"/>
      <c r="T16" s="28"/>
      <c r="U16" s="40"/>
      <c r="V16" s="41"/>
      <c r="W16" s="27"/>
      <c r="X16" s="28"/>
      <c r="Y16" s="24"/>
      <c r="Z16" s="22"/>
      <c r="AA16" s="27"/>
      <c r="AB16" s="28"/>
      <c r="AC16" s="24"/>
      <c r="AD16" s="22"/>
      <c r="AE16" s="27"/>
      <c r="AF16" s="26"/>
      <c r="AG16" s="23"/>
      <c r="AH16" s="84"/>
      <c r="AI16" s="85"/>
      <c r="AJ16" s="28"/>
      <c r="AK16" s="40"/>
      <c r="AL16" s="41"/>
      <c r="AM16" s="27"/>
      <c r="AN16" s="28"/>
      <c r="AO16" s="24"/>
      <c r="AP16" s="22"/>
      <c r="AQ16" s="27"/>
      <c r="AR16" s="28"/>
      <c r="AS16" s="40"/>
      <c r="AT16" s="41"/>
      <c r="AU16" s="27"/>
      <c r="AV16" s="28"/>
      <c r="AW16" s="24"/>
      <c r="AX16" s="22"/>
      <c r="AY16" s="27"/>
      <c r="AZ16" s="28"/>
      <c r="BA16" s="42"/>
      <c r="BB16" s="81">
        <v>8</v>
      </c>
      <c r="BC16" s="82">
        <v>1</v>
      </c>
      <c r="BD16" s="83"/>
      <c r="BE16" s="3"/>
    </row>
    <row r="17" spans="3:57" ht="23.25" customHeight="1" x14ac:dyDescent="0.15">
      <c r="C17" s="3"/>
      <c r="D17" s="79">
        <v>5</v>
      </c>
      <c r="E17" s="13" t="s">
        <v>26</v>
      </c>
      <c r="F17" s="21"/>
      <c r="G17" s="25"/>
      <c r="H17" s="26"/>
      <c r="I17" s="23"/>
      <c r="J17" s="21"/>
      <c r="K17" s="25"/>
      <c r="L17" s="26"/>
      <c r="M17" s="23"/>
      <c r="N17" s="21"/>
      <c r="O17" s="25"/>
      <c r="P17" s="26"/>
      <c r="Q17" s="23"/>
      <c r="R17" s="21"/>
      <c r="S17" s="25"/>
      <c r="T17" s="26"/>
      <c r="U17" s="38"/>
      <c r="V17" s="39"/>
      <c r="W17" s="25"/>
      <c r="X17" s="26"/>
      <c r="Y17" s="23"/>
      <c r="Z17" s="21"/>
      <c r="AA17" s="25"/>
      <c r="AB17" s="26"/>
      <c r="AC17" s="23"/>
      <c r="AD17" s="21"/>
      <c r="AE17" s="25"/>
      <c r="AF17" s="26"/>
      <c r="AG17" s="23"/>
      <c r="AH17" s="21"/>
      <c r="AI17" s="25"/>
      <c r="AJ17" s="26"/>
      <c r="AK17" s="38"/>
      <c r="AL17" s="39"/>
      <c r="AM17" s="25"/>
      <c r="AN17" s="26"/>
      <c r="AO17" s="23"/>
      <c r="AP17" s="21"/>
      <c r="AQ17" s="25"/>
      <c r="AR17" s="26"/>
      <c r="AS17" s="38"/>
      <c r="AT17" s="39"/>
      <c r="AU17" s="25"/>
      <c r="AV17" s="26"/>
      <c r="AW17" s="23"/>
      <c r="AX17" s="21"/>
      <c r="AY17" s="25"/>
      <c r="AZ17" s="26"/>
      <c r="BA17" s="42"/>
      <c r="BB17" s="81">
        <v>13</v>
      </c>
      <c r="BC17" s="82">
        <v>0</v>
      </c>
      <c r="BD17" s="83"/>
      <c r="BE17" s="3"/>
    </row>
    <row r="18" spans="3:57" ht="23.25" customHeight="1" x14ac:dyDescent="0.15">
      <c r="C18" s="3"/>
      <c r="D18" s="79">
        <v>6</v>
      </c>
      <c r="E18" s="13" t="s">
        <v>4</v>
      </c>
      <c r="F18" s="22"/>
      <c r="G18" s="27"/>
      <c r="H18" s="28"/>
      <c r="I18" s="24"/>
      <c r="J18" s="22"/>
      <c r="K18" s="27"/>
      <c r="L18" s="28"/>
      <c r="M18" s="24"/>
      <c r="N18" s="22"/>
      <c r="O18" s="27"/>
      <c r="P18" s="28"/>
      <c r="Q18" s="24"/>
      <c r="R18" s="22"/>
      <c r="S18" s="27"/>
      <c r="T18" s="28"/>
      <c r="U18" s="40"/>
      <c r="V18" s="41"/>
      <c r="W18" s="27"/>
      <c r="X18" s="28"/>
      <c r="Y18" s="24"/>
      <c r="Z18" s="22"/>
      <c r="AA18" s="27"/>
      <c r="AB18" s="28"/>
      <c r="AC18" s="24"/>
      <c r="AD18" s="21"/>
      <c r="AE18" s="25"/>
      <c r="AF18" s="84"/>
      <c r="AG18" s="85"/>
      <c r="AH18" s="22"/>
      <c r="AI18" s="27"/>
      <c r="AJ18" s="28"/>
      <c r="AK18" s="40"/>
      <c r="AL18" s="41"/>
      <c r="AM18" s="27"/>
      <c r="AN18" s="28"/>
      <c r="AO18" s="24"/>
      <c r="AP18" s="22"/>
      <c r="AQ18" s="27"/>
      <c r="AR18" s="28"/>
      <c r="AS18" s="40"/>
      <c r="AT18" s="41"/>
      <c r="AU18" s="27"/>
      <c r="AV18" s="28"/>
      <c r="AW18" s="24"/>
      <c r="AX18" s="22"/>
      <c r="AY18" s="27"/>
      <c r="AZ18" s="28"/>
      <c r="BA18" s="43"/>
      <c r="BB18" s="81">
        <v>10</v>
      </c>
      <c r="BC18" s="82">
        <v>1</v>
      </c>
      <c r="BD18" s="83" t="s">
        <v>27</v>
      </c>
      <c r="BE18" s="3"/>
    </row>
    <row r="19" spans="3:57" ht="23.25" customHeight="1" x14ac:dyDescent="0.15">
      <c r="C19" s="3"/>
      <c r="D19" s="86"/>
      <c r="E19" s="13" t="s">
        <v>25</v>
      </c>
      <c r="F19" s="22"/>
      <c r="G19" s="27"/>
      <c r="H19" s="28"/>
      <c r="I19" s="24"/>
      <c r="J19" s="22"/>
      <c r="K19" s="27"/>
      <c r="L19" s="28"/>
      <c r="M19" s="24"/>
      <c r="N19" s="22"/>
      <c r="O19" s="27"/>
      <c r="P19" s="28"/>
      <c r="Q19" s="24"/>
      <c r="R19" s="22"/>
      <c r="S19" s="27"/>
      <c r="T19" s="28"/>
      <c r="U19" s="40"/>
      <c r="V19" s="41"/>
      <c r="W19" s="27"/>
      <c r="X19" s="28"/>
      <c r="Y19" s="24"/>
      <c r="Z19" s="22"/>
      <c r="AA19" s="27"/>
      <c r="AB19" s="28"/>
      <c r="AC19" s="24"/>
      <c r="AD19" s="22"/>
      <c r="AE19" s="27"/>
      <c r="AF19" s="22"/>
      <c r="AG19" s="27"/>
      <c r="AH19" s="22"/>
      <c r="AI19" s="27"/>
      <c r="AJ19" s="28"/>
      <c r="AK19" s="40"/>
      <c r="AL19" s="41"/>
      <c r="AM19" s="27"/>
      <c r="AN19" s="28"/>
      <c r="AO19" s="24"/>
      <c r="AP19" s="22"/>
      <c r="AQ19" s="27"/>
      <c r="AR19" s="28"/>
      <c r="AS19" s="40"/>
      <c r="AT19" s="41"/>
      <c r="AU19" s="27"/>
      <c r="AV19" s="28"/>
      <c r="AW19" s="24"/>
      <c r="AX19" s="22"/>
      <c r="AY19" s="27"/>
      <c r="AZ19" s="28"/>
      <c r="BA19" s="43"/>
      <c r="BB19" s="87"/>
      <c r="BC19" s="88"/>
      <c r="BD19" s="13"/>
      <c r="BE19" s="3"/>
    </row>
    <row r="20" spans="3:57" ht="23.25" customHeight="1" x14ac:dyDescent="0.15">
      <c r="C20" s="3"/>
      <c r="D20" s="86"/>
      <c r="E20" s="13" t="s">
        <v>28</v>
      </c>
      <c r="F20" s="22"/>
      <c r="G20" s="27"/>
      <c r="H20" s="28"/>
      <c r="I20" s="24"/>
      <c r="J20" s="22"/>
      <c r="K20" s="27"/>
      <c r="L20" s="28"/>
      <c r="M20" s="24"/>
      <c r="N20" s="22"/>
      <c r="O20" s="27"/>
      <c r="P20" s="28"/>
      <c r="Q20" s="24"/>
      <c r="R20" s="22"/>
      <c r="S20" s="27"/>
      <c r="T20" s="28"/>
      <c r="U20" s="40"/>
      <c r="V20" s="41"/>
      <c r="W20" s="27"/>
      <c r="X20" s="28"/>
      <c r="Y20" s="24"/>
      <c r="Z20" s="22"/>
      <c r="AA20" s="27"/>
      <c r="AB20" s="28"/>
      <c r="AC20" s="24"/>
      <c r="AD20" s="22"/>
      <c r="AE20" s="27"/>
      <c r="AF20" s="28"/>
      <c r="AG20" s="24"/>
      <c r="AH20" s="22"/>
      <c r="AI20" s="27"/>
      <c r="AJ20" s="28"/>
      <c r="AK20" s="40"/>
      <c r="AL20" s="41"/>
      <c r="AM20" s="27"/>
      <c r="AN20" s="28"/>
      <c r="AO20" s="24"/>
      <c r="AP20" s="22"/>
      <c r="AQ20" s="27"/>
      <c r="AR20" s="28"/>
      <c r="AS20" s="40"/>
      <c r="AT20" s="41"/>
      <c r="AU20" s="27"/>
      <c r="AV20" s="28"/>
      <c r="AW20" s="24"/>
      <c r="AX20" s="22"/>
      <c r="AY20" s="27"/>
      <c r="AZ20" s="28"/>
      <c r="BA20" s="43"/>
      <c r="BB20" s="87"/>
      <c r="BC20" s="88"/>
      <c r="BD20" s="13"/>
      <c r="BE20" s="3"/>
    </row>
    <row r="21" spans="3:57" ht="23.25" customHeight="1" x14ac:dyDescent="0.15">
      <c r="C21" s="3"/>
      <c r="D21" s="86"/>
      <c r="E21" s="13" t="s">
        <v>29</v>
      </c>
      <c r="F21" s="22"/>
      <c r="G21" s="27"/>
      <c r="H21" s="28"/>
      <c r="I21" s="24"/>
      <c r="J21" s="22"/>
      <c r="K21" s="27"/>
      <c r="L21" s="28"/>
      <c r="M21" s="24"/>
      <c r="N21" s="22"/>
      <c r="O21" s="27"/>
      <c r="P21" s="28"/>
      <c r="Q21" s="24"/>
      <c r="R21" s="22"/>
      <c r="S21" s="27"/>
      <c r="T21" s="28"/>
      <c r="U21" s="40"/>
      <c r="V21" s="41"/>
      <c r="W21" s="27"/>
      <c r="X21" s="28"/>
      <c r="Y21" s="24"/>
      <c r="Z21" s="22"/>
      <c r="AA21" s="27"/>
      <c r="AB21" s="28"/>
      <c r="AC21" s="24"/>
      <c r="AD21" s="22"/>
      <c r="AE21" s="27"/>
      <c r="AF21" s="28"/>
      <c r="AG21" s="24"/>
      <c r="AH21" s="22"/>
      <c r="AI21" s="27"/>
      <c r="AJ21" s="28"/>
      <c r="AK21" s="40"/>
      <c r="AL21" s="41"/>
      <c r="AM21" s="27"/>
      <c r="AN21" s="28"/>
      <c r="AO21" s="24"/>
      <c r="AP21" s="22"/>
      <c r="AQ21" s="27"/>
      <c r="AR21" s="28"/>
      <c r="AS21" s="40"/>
      <c r="AT21" s="41"/>
      <c r="AU21" s="27"/>
      <c r="AV21" s="28"/>
      <c r="AW21" s="24"/>
      <c r="AX21" s="22"/>
      <c r="AY21" s="27"/>
      <c r="AZ21" s="28"/>
      <c r="BA21" s="43"/>
      <c r="BB21" s="87"/>
      <c r="BC21" s="88"/>
      <c r="BD21" s="13"/>
      <c r="BE21" s="3"/>
    </row>
    <row r="22" spans="3:57" ht="23.25" customHeight="1" thickBot="1" x14ac:dyDescent="0.2">
      <c r="C22" s="3"/>
      <c r="D22" s="89"/>
      <c r="E22" s="11" t="s">
        <v>28</v>
      </c>
      <c r="F22" s="46"/>
      <c r="G22" s="51"/>
      <c r="H22" s="52"/>
      <c r="I22" s="49"/>
      <c r="J22" s="46"/>
      <c r="K22" s="51"/>
      <c r="L22" s="52"/>
      <c r="M22" s="49"/>
      <c r="N22" s="46"/>
      <c r="O22" s="51"/>
      <c r="P22" s="52"/>
      <c r="Q22" s="49"/>
      <c r="R22" s="46"/>
      <c r="S22" s="51"/>
      <c r="T22" s="52"/>
      <c r="U22" s="47"/>
      <c r="V22" s="48"/>
      <c r="W22" s="51"/>
      <c r="X22" s="52"/>
      <c r="Y22" s="49"/>
      <c r="Z22" s="46"/>
      <c r="AA22" s="51"/>
      <c r="AB22" s="52"/>
      <c r="AC22" s="49"/>
      <c r="AD22" s="46"/>
      <c r="AE22" s="51"/>
      <c r="AF22" s="52"/>
      <c r="AG22" s="49"/>
      <c r="AH22" s="46"/>
      <c r="AI22" s="51"/>
      <c r="AJ22" s="52"/>
      <c r="AK22" s="47"/>
      <c r="AL22" s="48"/>
      <c r="AM22" s="51"/>
      <c r="AN22" s="52"/>
      <c r="AO22" s="49"/>
      <c r="AP22" s="46"/>
      <c r="AQ22" s="51"/>
      <c r="AR22" s="52"/>
      <c r="AS22" s="47"/>
      <c r="AT22" s="48"/>
      <c r="AU22" s="51"/>
      <c r="AV22" s="52"/>
      <c r="AW22" s="49"/>
      <c r="AX22" s="46"/>
      <c r="AY22" s="51"/>
      <c r="AZ22" s="52"/>
      <c r="BA22" s="19"/>
      <c r="BB22" s="90"/>
      <c r="BC22" s="91"/>
      <c r="BD22" s="11"/>
      <c r="BE22" s="3"/>
    </row>
    <row r="23" spans="3:57" ht="23.25" customHeight="1" thickTop="1" thickBot="1" x14ac:dyDescent="0.2">
      <c r="C23" s="3"/>
      <c r="D23" s="130" t="s">
        <v>15</v>
      </c>
      <c r="E23" s="131"/>
      <c r="F23" s="131"/>
      <c r="G23" s="131"/>
      <c r="H23" s="131"/>
      <c r="I23" s="131"/>
      <c r="J23" s="131"/>
      <c r="K23" s="131"/>
      <c r="L23" s="131"/>
      <c r="M23" s="131"/>
      <c r="N23" s="131"/>
      <c r="O23" s="131"/>
      <c r="P23" s="131"/>
      <c r="Q23" s="131"/>
      <c r="R23" s="131"/>
      <c r="S23" s="131"/>
      <c r="T23" s="131"/>
      <c r="U23" s="131"/>
      <c r="V23" s="131"/>
      <c r="W23" s="131"/>
      <c r="X23" s="131"/>
      <c r="Y23" s="131"/>
      <c r="Z23" s="131"/>
      <c r="AA23" s="131"/>
      <c r="AB23" s="131"/>
      <c r="AC23" s="131"/>
      <c r="AD23" s="131"/>
      <c r="AE23" s="131"/>
      <c r="AF23" s="131"/>
      <c r="AG23" s="131"/>
      <c r="AH23" s="131"/>
      <c r="AI23" s="131"/>
      <c r="AJ23" s="131"/>
      <c r="AK23" s="131"/>
      <c r="AL23" s="131"/>
      <c r="AM23" s="131"/>
      <c r="AN23" s="131"/>
      <c r="AO23" s="131"/>
      <c r="AP23" s="131"/>
      <c r="AQ23" s="131"/>
      <c r="AR23" s="131"/>
      <c r="AS23" s="131"/>
      <c r="AT23" s="131"/>
      <c r="AU23" s="131"/>
      <c r="AV23" s="131"/>
      <c r="AW23" s="131"/>
      <c r="AX23" s="131"/>
      <c r="AY23" s="131"/>
      <c r="AZ23" s="131"/>
      <c r="BA23" s="132"/>
      <c r="BB23" s="92">
        <f>SUM(BB13:BB22)</f>
        <v>48</v>
      </c>
      <c r="BC23" s="93">
        <f>SUM(BC13:BC22)</f>
        <v>3</v>
      </c>
      <c r="BD23" s="94"/>
      <c r="BE23" s="3"/>
    </row>
    <row r="24" spans="3:57" ht="23.25" customHeight="1" x14ac:dyDescent="0.15">
      <c r="C24" s="3"/>
      <c r="D24" s="144" t="s">
        <v>11</v>
      </c>
      <c r="E24" s="145"/>
      <c r="F24" s="102">
        <v>0</v>
      </c>
      <c r="G24" s="102"/>
      <c r="H24" s="102">
        <v>1</v>
      </c>
      <c r="I24" s="102"/>
      <c r="J24" s="102">
        <v>2</v>
      </c>
      <c r="K24" s="102"/>
      <c r="L24" s="102">
        <v>3</v>
      </c>
      <c r="M24" s="102"/>
      <c r="N24" s="102">
        <v>4</v>
      </c>
      <c r="O24" s="102"/>
      <c r="P24" s="102">
        <v>5</v>
      </c>
      <c r="Q24" s="102"/>
      <c r="R24" s="102">
        <v>6</v>
      </c>
      <c r="S24" s="102"/>
      <c r="T24" s="102">
        <v>7</v>
      </c>
      <c r="U24" s="102"/>
      <c r="V24" s="102">
        <v>8</v>
      </c>
      <c r="W24" s="102"/>
      <c r="X24" s="102">
        <v>9</v>
      </c>
      <c r="Y24" s="102"/>
      <c r="Z24" s="102">
        <v>10</v>
      </c>
      <c r="AA24" s="102"/>
      <c r="AB24" s="102">
        <v>11</v>
      </c>
      <c r="AC24" s="102"/>
      <c r="AD24" s="102">
        <v>12</v>
      </c>
      <c r="AE24" s="102"/>
      <c r="AF24" s="102">
        <v>13</v>
      </c>
      <c r="AG24" s="102"/>
      <c r="AH24" s="102">
        <v>14</v>
      </c>
      <c r="AI24" s="102"/>
      <c r="AJ24" s="102">
        <v>15</v>
      </c>
      <c r="AK24" s="102"/>
      <c r="AL24" s="102">
        <v>16</v>
      </c>
      <c r="AM24" s="102"/>
      <c r="AN24" s="102">
        <v>17</v>
      </c>
      <c r="AO24" s="102"/>
      <c r="AP24" s="102">
        <v>18</v>
      </c>
      <c r="AQ24" s="102"/>
      <c r="AR24" s="102">
        <v>19</v>
      </c>
      <c r="AS24" s="102"/>
      <c r="AT24" s="102">
        <v>20</v>
      </c>
      <c r="AU24" s="102"/>
      <c r="AV24" s="102">
        <v>21</v>
      </c>
      <c r="AW24" s="102"/>
      <c r="AX24" s="102">
        <v>22</v>
      </c>
      <c r="AY24" s="102"/>
      <c r="AZ24" s="102">
        <v>23</v>
      </c>
      <c r="BA24" s="102"/>
      <c r="BB24" s="115" t="s">
        <v>18</v>
      </c>
      <c r="BC24" s="117" t="s">
        <v>30</v>
      </c>
      <c r="BD24" s="118"/>
      <c r="BE24" s="3"/>
    </row>
    <row r="25" spans="3:57" ht="3" customHeight="1" thickBot="1" x14ac:dyDescent="0.2">
      <c r="C25" s="3"/>
      <c r="D25" s="146"/>
      <c r="E25" s="147"/>
      <c r="F25" s="15"/>
      <c r="G25" s="15"/>
      <c r="H25" s="32"/>
      <c r="I25" s="33"/>
      <c r="J25" s="15"/>
      <c r="K25" s="15"/>
      <c r="L25" s="32"/>
      <c r="M25" s="33"/>
      <c r="N25" s="15"/>
      <c r="O25" s="15"/>
      <c r="P25" s="32"/>
      <c r="Q25" s="33"/>
      <c r="R25" s="15"/>
      <c r="S25" s="15"/>
      <c r="T25" s="32"/>
      <c r="U25" s="33"/>
      <c r="V25" s="15"/>
      <c r="W25" s="15"/>
      <c r="X25" s="32"/>
      <c r="Y25" s="33"/>
      <c r="Z25" s="15"/>
      <c r="AA25" s="15"/>
      <c r="AB25" s="32"/>
      <c r="AC25" s="33"/>
      <c r="AD25" s="15"/>
      <c r="AE25" s="15"/>
      <c r="AF25" s="32"/>
      <c r="AG25" s="33"/>
      <c r="AH25" s="15"/>
      <c r="AI25" s="15"/>
      <c r="AJ25" s="32"/>
      <c r="AK25" s="33"/>
      <c r="AL25" s="15"/>
      <c r="AM25" s="15"/>
      <c r="AN25" s="32"/>
      <c r="AO25" s="33"/>
      <c r="AP25" s="15"/>
      <c r="AQ25" s="15"/>
      <c r="AR25" s="32"/>
      <c r="AS25" s="15"/>
      <c r="AT25" s="32"/>
      <c r="AU25" s="15"/>
      <c r="AV25" s="32"/>
      <c r="AW25" s="15"/>
      <c r="AX25" s="32"/>
      <c r="AY25" s="15"/>
      <c r="AZ25" s="32"/>
      <c r="BA25" s="15"/>
      <c r="BB25" s="116"/>
      <c r="BC25" s="119"/>
      <c r="BD25" s="120"/>
      <c r="BE25" s="3"/>
    </row>
    <row r="26" spans="3:57" ht="23.25" customHeight="1" x14ac:dyDescent="0.15">
      <c r="C26" s="3"/>
      <c r="D26" s="124" t="s">
        <v>31</v>
      </c>
      <c r="E26" s="125"/>
      <c r="F26" s="161"/>
      <c r="G26" s="160"/>
      <c r="H26" s="160"/>
      <c r="I26" s="160"/>
      <c r="J26" s="160"/>
      <c r="K26" s="160"/>
      <c r="L26" s="160"/>
      <c r="M26" s="160"/>
      <c r="N26" s="160"/>
      <c r="O26" s="160"/>
      <c r="P26" s="160"/>
      <c r="Q26" s="160"/>
      <c r="R26" s="160"/>
      <c r="S26" s="160"/>
      <c r="T26" s="160"/>
      <c r="U26" s="160"/>
      <c r="V26" s="160">
        <v>1</v>
      </c>
      <c r="W26" s="160"/>
      <c r="X26" s="160">
        <v>1</v>
      </c>
      <c r="Y26" s="160"/>
      <c r="Z26" s="160">
        <v>1</v>
      </c>
      <c r="AA26" s="160"/>
      <c r="AB26" s="160">
        <v>1</v>
      </c>
      <c r="AC26" s="160"/>
      <c r="AD26" s="160">
        <v>1</v>
      </c>
      <c r="AE26" s="160"/>
      <c r="AF26" s="160">
        <v>1</v>
      </c>
      <c r="AG26" s="160"/>
      <c r="AH26" s="160">
        <v>1</v>
      </c>
      <c r="AI26" s="160"/>
      <c r="AJ26" s="160">
        <v>1</v>
      </c>
      <c r="AK26" s="160"/>
      <c r="AL26" s="160">
        <v>1</v>
      </c>
      <c r="AM26" s="160"/>
      <c r="AN26" s="160">
        <v>1</v>
      </c>
      <c r="AO26" s="160"/>
      <c r="AP26" s="160"/>
      <c r="AQ26" s="160"/>
      <c r="AR26" s="160"/>
      <c r="AS26" s="160"/>
      <c r="AT26" s="160"/>
      <c r="AU26" s="160"/>
      <c r="AV26" s="160"/>
      <c r="AW26" s="160"/>
      <c r="AX26" s="160"/>
      <c r="AY26" s="160"/>
      <c r="AZ26" s="160"/>
      <c r="BA26" s="162"/>
      <c r="BB26" s="95">
        <f>SUM(F26:BA26)</f>
        <v>10</v>
      </c>
      <c r="BC26" s="119"/>
      <c r="BD26" s="120"/>
      <c r="BE26" s="3"/>
    </row>
    <row r="27" spans="3:57" ht="23.25" customHeight="1" x14ac:dyDescent="0.15">
      <c r="C27" s="3"/>
      <c r="D27" s="126" t="s">
        <v>32</v>
      </c>
      <c r="E27" s="127"/>
      <c r="F27" s="159"/>
      <c r="G27" s="158"/>
      <c r="H27" s="158"/>
      <c r="I27" s="158"/>
      <c r="J27" s="158"/>
      <c r="K27" s="158"/>
      <c r="L27" s="158"/>
      <c r="M27" s="158"/>
      <c r="N27" s="158"/>
      <c r="O27" s="158"/>
      <c r="P27" s="158"/>
      <c r="Q27" s="158"/>
      <c r="R27" s="158"/>
      <c r="S27" s="158"/>
      <c r="T27" s="158">
        <v>1</v>
      </c>
      <c r="U27" s="158"/>
      <c r="V27" s="158">
        <v>1</v>
      </c>
      <c r="W27" s="158"/>
      <c r="X27" s="158">
        <v>1</v>
      </c>
      <c r="Y27" s="158"/>
      <c r="Z27" s="158">
        <v>2</v>
      </c>
      <c r="AA27" s="158"/>
      <c r="AB27" s="158">
        <v>2</v>
      </c>
      <c r="AC27" s="158"/>
      <c r="AD27" s="158">
        <v>1</v>
      </c>
      <c r="AE27" s="158"/>
      <c r="AF27" s="158">
        <v>2</v>
      </c>
      <c r="AG27" s="158"/>
      <c r="AH27" s="158">
        <v>1</v>
      </c>
      <c r="AI27" s="158"/>
      <c r="AJ27" s="158">
        <v>1</v>
      </c>
      <c r="AK27" s="158"/>
      <c r="AL27" s="158">
        <v>1</v>
      </c>
      <c r="AM27" s="158"/>
      <c r="AN27" s="158">
        <v>1</v>
      </c>
      <c r="AO27" s="158"/>
      <c r="AP27" s="158">
        <v>1</v>
      </c>
      <c r="AQ27" s="158"/>
      <c r="AR27" s="158">
        <v>1</v>
      </c>
      <c r="AS27" s="158"/>
      <c r="AT27" s="158"/>
      <c r="AU27" s="158"/>
      <c r="AV27" s="158"/>
      <c r="AW27" s="158"/>
      <c r="AX27" s="158"/>
      <c r="AY27" s="158"/>
      <c r="AZ27" s="158"/>
      <c r="BA27" s="163"/>
      <c r="BB27" s="95">
        <f t="shared" ref="BB27:BB28" si="0">SUM(F27:BA27)</f>
        <v>16</v>
      </c>
      <c r="BC27" s="119"/>
      <c r="BD27" s="120"/>
      <c r="BE27" s="3"/>
    </row>
    <row r="28" spans="3:57" ht="23.25" customHeight="1" thickBot="1" x14ac:dyDescent="0.2">
      <c r="C28" s="3"/>
      <c r="D28" s="128" t="s">
        <v>33</v>
      </c>
      <c r="E28" s="129"/>
      <c r="F28" s="157">
        <v>1</v>
      </c>
      <c r="G28" s="155"/>
      <c r="H28" s="155">
        <v>1</v>
      </c>
      <c r="I28" s="155"/>
      <c r="J28" s="155">
        <v>1</v>
      </c>
      <c r="K28" s="155"/>
      <c r="L28" s="155">
        <v>1</v>
      </c>
      <c r="M28" s="155"/>
      <c r="N28" s="155">
        <v>1</v>
      </c>
      <c r="O28" s="155"/>
      <c r="P28" s="155">
        <v>1</v>
      </c>
      <c r="Q28" s="155"/>
      <c r="R28" s="155">
        <v>1</v>
      </c>
      <c r="S28" s="155"/>
      <c r="T28" s="155">
        <v>1</v>
      </c>
      <c r="U28" s="155"/>
      <c r="V28" s="155"/>
      <c r="W28" s="155"/>
      <c r="X28" s="155">
        <v>1</v>
      </c>
      <c r="Y28" s="155"/>
      <c r="Z28" s="155">
        <v>1</v>
      </c>
      <c r="AA28" s="155"/>
      <c r="AB28" s="155">
        <v>1</v>
      </c>
      <c r="AC28" s="155"/>
      <c r="AD28" s="155">
        <v>1</v>
      </c>
      <c r="AE28" s="155"/>
      <c r="AF28" s="155"/>
      <c r="AG28" s="155"/>
      <c r="AH28" s="155">
        <v>1</v>
      </c>
      <c r="AI28" s="155"/>
      <c r="AJ28" s="155">
        <v>1</v>
      </c>
      <c r="AK28" s="155"/>
      <c r="AL28" s="155">
        <v>1</v>
      </c>
      <c r="AM28" s="155"/>
      <c r="AN28" s="155">
        <v>1</v>
      </c>
      <c r="AO28" s="155"/>
      <c r="AP28" s="155">
        <v>1</v>
      </c>
      <c r="AQ28" s="155"/>
      <c r="AR28" s="155">
        <v>2</v>
      </c>
      <c r="AS28" s="155"/>
      <c r="AT28" s="155">
        <v>1</v>
      </c>
      <c r="AU28" s="155"/>
      <c r="AV28" s="155">
        <v>1</v>
      </c>
      <c r="AW28" s="155"/>
      <c r="AX28" s="155">
        <v>1</v>
      </c>
      <c r="AY28" s="155"/>
      <c r="AZ28" s="155">
        <v>1</v>
      </c>
      <c r="BA28" s="156"/>
      <c r="BB28" s="96">
        <f t="shared" si="0"/>
        <v>23</v>
      </c>
      <c r="BC28" s="119"/>
      <c r="BD28" s="120"/>
      <c r="BE28" s="3"/>
    </row>
    <row r="29" spans="3:57" ht="23.25" customHeight="1" thickTop="1" thickBot="1" x14ac:dyDescent="0.2">
      <c r="C29" s="3"/>
      <c r="D29" s="133" t="s">
        <v>14</v>
      </c>
      <c r="E29" s="134"/>
      <c r="F29" s="153">
        <f>SUM(F26:G28)</f>
        <v>1</v>
      </c>
      <c r="G29" s="154"/>
      <c r="H29" s="153">
        <f t="shared" ref="H29" si="1">SUM(H26:I28)</f>
        <v>1</v>
      </c>
      <c r="I29" s="154"/>
      <c r="J29" s="153">
        <f t="shared" ref="J29" si="2">SUM(J26:K28)</f>
        <v>1</v>
      </c>
      <c r="K29" s="154"/>
      <c r="L29" s="153">
        <f t="shared" ref="L29" si="3">SUM(L26:M28)</f>
        <v>1</v>
      </c>
      <c r="M29" s="154"/>
      <c r="N29" s="153">
        <f t="shared" ref="N29" si="4">SUM(N26:O28)</f>
        <v>1</v>
      </c>
      <c r="O29" s="154"/>
      <c r="P29" s="153">
        <f t="shared" ref="P29" si="5">SUM(P26:Q28)</f>
        <v>1</v>
      </c>
      <c r="Q29" s="154"/>
      <c r="R29" s="153">
        <f t="shared" ref="R29" si="6">SUM(R26:S28)</f>
        <v>1</v>
      </c>
      <c r="S29" s="154"/>
      <c r="T29" s="153">
        <f t="shared" ref="T29" si="7">SUM(T26:U28)</f>
        <v>2</v>
      </c>
      <c r="U29" s="154"/>
      <c r="V29" s="153">
        <f t="shared" ref="V29" si="8">SUM(V26:W28)</f>
        <v>2</v>
      </c>
      <c r="W29" s="154"/>
      <c r="X29" s="153">
        <f t="shared" ref="X29" si="9">SUM(X26:Y28)</f>
        <v>3</v>
      </c>
      <c r="Y29" s="154"/>
      <c r="Z29" s="153">
        <f t="shared" ref="Z29" si="10">SUM(Z26:AA28)</f>
        <v>4</v>
      </c>
      <c r="AA29" s="154"/>
      <c r="AB29" s="153">
        <f t="shared" ref="AB29" si="11">SUM(AB26:AC28)</f>
        <v>4</v>
      </c>
      <c r="AC29" s="154"/>
      <c r="AD29" s="153">
        <f t="shared" ref="AD29" si="12">SUM(AD26:AE28)</f>
        <v>3</v>
      </c>
      <c r="AE29" s="154"/>
      <c r="AF29" s="153">
        <f t="shared" ref="AF29" si="13">SUM(AF26:AG28)</f>
        <v>3</v>
      </c>
      <c r="AG29" s="154"/>
      <c r="AH29" s="153">
        <f t="shared" ref="AH29" si="14">SUM(AH26:AI28)</f>
        <v>3</v>
      </c>
      <c r="AI29" s="154"/>
      <c r="AJ29" s="153">
        <f t="shared" ref="AJ29" si="15">SUM(AJ26:AK28)</f>
        <v>3</v>
      </c>
      <c r="AK29" s="154"/>
      <c r="AL29" s="153">
        <f t="shared" ref="AL29" si="16">SUM(AL26:AM28)</f>
        <v>3</v>
      </c>
      <c r="AM29" s="154"/>
      <c r="AN29" s="153">
        <f t="shared" ref="AN29" si="17">SUM(AN26:AO28)</f>
        <v>3</v>
      </c>
      <c r="AO29" s="154"/>
      <c r="AP29" s="153">
        <f t="shared" ref="AP29" si="18">SUM(AP26:AQ28)</f>
        <v>2</v>
      </c>
      <c r="AQ29" s="154"/>
      <c r="AR29" s="153">
        <f t="shared" ref="AR29" si="19">SUM(AR26:AS28)</f>
        <v>3</v>
      </c>
      <c r="AS29" s="154"/>
      <c r="AT29" s="153">
        <f t="shared" ref="AT29" si="20">SUM(AT26:AU28)</f>
        <v>1</v>
      </c>
      <c r="AU29" s="154"/>
      <c r="AV29" s="153">
        <f t="shared" ref="AV29" si="21">SUM(AV26:AW28)</f>
        <v>1</v>
      </c>
      <c r="AW29" s="154"/>
      <c r="AX29" s="153">
        <f t="shared" ref="AX29" si="22">SUM(AX26:AY28)</f>
        <v>1</v>
      </c>
      <c r="AY29" s="154"/>
      <c r="AZ29" s="153">
        <f t="shared" ref="AZ29" si="23">SUM(AZ26:BA28)</f>
        <v>1</v>
      </c>
      <c r="BA29" s="153"/>
      <c r="BB29" s="97">
        <f>SUM(BB26:BB28)</f>
        <v>49</v>
      </c>
      <c r="BC29" s="121"/>
      <c r="BD29" s="122"/>
      <c r="BE29" s="3"/>
    </row>
    <row r="30" spans="3:57" ht="8.25" customHeight="1" x14ac:dyDescent="0.15">
      <c r="C30" s="3"/>
      <c r="D30" s="3"/>
      <c r="E30" s="3"/>
      <c r="F30" s="3"/>
      <c r="G30" s="3"/>
      <c r="H30" s="3"/>
      <c r="I30" s="3"/>
      <c r="J30" s="3"/>
      <c r="K30" s="3"/>
      <c r="L30" s="3"/>
      <c r="M30" s="3"/>
      <c r="N30" s="3"/>
      <c r="O30" s="3"/>
      <c r="P30" s="3"/>
      <c r="Q30" s="3"/>
      <c r="R30" s="3"/>
      <c r="S30" s="3"/>
      <c r="T30" s="3"/>
      <c r="U30" s="3"/>
      <c r="V30" s="3"/>
      <c r="W30" s="3"/>
      <c r="X30" s="3"/>
      <c r="Y30" s="3"/>
      <c r="Z30" s="3"/>
      <c r="AA30" s="3"/>
      <c r="AB30" s="3"/>
      <c r="AC30" s="3"/>
      <c r="AD30" s="3"/>
      <c r="AE30" s="3"/>
      <c r="AF30" s="3"/>
      <c r="AG30" s="3"/>
      <c r="AH30" s="3"/>
      <c r="AI30" s="3"/>
      <c r="AJ30" s="3"/>
      <c r="AK30" s="3"/>
      <c r="AL30" s="3"/>
      <c r="AM30" s="3"/>
      <c r="AN30" s="3"/>
      <c r="AO30" s="3"/>
      <c r="AP30" s="3"/>
      <c r="AQ30" s="3"/>
      <c r="AR30" s="3"/>
      <c r="AS30" s="3"/>
      <c r="AT30" s="3"/>
      <c r="AU30" s="3"/>
      <c r="AV30" s="3"/>
      <c r="AW30" s="3"/>
      <c r="AX30" s="3"/>
      <c r="AY30" s="3"/>
      <c r="AZ30" s="3"/>
      <c r="BA30" s="3"/>
      <c r="BB30" s="3"/>
      <c r="BC30" s="3"/>
      <c r="BD30" s="3"/>
      <c r="BE30" s="3"/>
    </row>
    <row r="31" spans="3:57" ht="13.5" customHeight="1" x14ac:dyDescent="0.15">
      <c r="E31" s="3"/>
      <c r="F31" s="3"/>
      <c r="G31" s="3"/>
      <c r="H31" s="3"/>
      <c r="I31" s="3"/>
      <c r="J31" s="3"/>
      <c r="K31" s="3"/>
      <c r="L31" s="3"/>
      <c r="M31" s="3"/>
      <c r="N31" s="3"/>
      <c r="O31" s="3"/>
      <c r="P31" s="3"/>
      <c r="Q31" s="3"/>
      <c r="R31" s="3"/>
      <c r="S31" s="3"/>
      <c r="T31" s="3"/>
      <c r="U31" s="3"/>
      <c r="V31" s="3"/>
      <c r="W31" s="3"/>
      <c r="X31" s="3"/>
      <c r="Y31" s="3"/>
      <c r="Z31" s="3"/>
      <c r="AA31" s="3"/>
      <c r="AB31" s="3"/>
      <c r="AC31" s="3"/>
      <c r="AD31" s="3"/>
      <c r="AE31" s="3"/>
      <c r="AF31" s="3"/>
      <c r="AG31" s="3"/>
      <c r="AH31" s="3"/>
      <c r="AI31" s="3"/>
      <c r="AJ31" s="3"/>
      <c r="AK31" s="3"/>
      <c r="AL31" s="3"/>
      <c r="AM31" s="3"/>
      <c r="AN31" s="3"/>
      <c r="AO31" s="3"/>
      <c r="AP31" s="3"/>
      <c r="AQ31" s="3"/>
      <c r="AR31" s="3"/>
      <c r="AS31" s="3"/>
      <c r="AT31" s="3"/>
      <c r="AU31" s="3"/>
      <c r="AV31" s="3"/>
      <c r="AW31" s="3"/>
      <c r="AX31" s="3"/>
      <c r="AY31" s="3"/>
      <c r="AZ31" s="3"/>
      <c r="BA31" s="3"/>
    </row>
    <row r="32" spans="3:57" s="2" customFormat="1" ht="14.25" x14ac:dyDescent="0.15">
      <c r="D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row>
    <row r="33" spans="4:53" s="2" customFormat="1" ht="14.25" x14ac:dyDescent="0.15">
      <c r="D33" s="4"/>
      <c r="E33" s="7"/>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row>
    <row r="34" spans="4:53" s="2" customFormat="1" ht="14.25" x14ac:dyDescent="0.15">
      <c r="D34" s="4"/>
      <c r="E34" s="7"/>
      <c r="H34" s="4"/>
      <c r="I34" s="4"/>
      <c r="J34" s="4"/>
      <c r="K34" s="4"/>
      <c r="L34" s="4"/>
      <c r="M34" s="4"/>
      <c r="N34" s="4"/>
      <c r="O34" s="4"/>
      <c r="P34" s="4"/>
      <c r="Q34" s="4"/>
      <c r="R34" s="4"/>
      <c r="S34" s="4"/>
      <c r="T34" s="4"/>
      <c r="U34" s="4"/>
      <c r="V34" s="4"/>
      <c r="W34" s="4"/>
      <c r="X34" s="4"/>
      <c r="Y34" s="4"/>
      <c r="Z34" s="4"/>
      <c r="AA34" s="4"/>
      <c r="AB34" s="4"/>
      <c r="AC34" s="4"/>
      <c r="AD34" s="4"/>
      <c r="AE34" s="4"/>
      <c r="AF34" s="4"/>
      <c r="AG34" s="4"/>
      <c r="AH34" s="4"/>
      <c r="AI34" s="4"/>
      <c r="AJ34" s="4"/>
      <c r="AK34" s="4"/>
      <c r="AL34" s="4"/>
      <c r="AM34" s="4"/>
      <c r="AN34" s="4"/>
      <c r="AO34" s="4"/>
      <c r="AP34" s="4"/>
      <c r="AQ34" s="4"/>
      <c r="AR34" s="4"/>
      <c r="AS34" s="4"/>
      <c r="AT34" s="4"/>
      <c r="AU34" s="4"/>
      <c r="AV34" s="4"/>
      <c r="AW34" s="4"/>
      <c r="AX34" s="4"/>
      <c r="AY34" s="4"/>
      <c r="AZ34" s="4"/>
      <c r="BA34" s="4"/>
    </row>
    <row r="35" spans="4:53" s="2" customFormat="1" ht="14.25" x14ac:dyDescent="0.15">
      <c r="E35" s="7"/>
    </row>
    <row r="36" spans="4:53" s="2" customFormat="1" ht="14.25" x14ac:dyDescent="0.15">
      <c r="E36" s="7"/>
    </row>
    <row r="37" spans="4:53" s="2" customFormat="1" ht="14.25" x14ac:dyDescent="0.15">
      <c r="E37" s="7"/>
    </row>
    <row r="38" spans="4:53" s="2" customFormat="1" ht="14.25" x14ac:dyDescent="0.15"/>
    <row r="39" spans="4:53" s="2" customFormat="1" ht="14.25" x14ac:dyDescent="0.15">
      <c r="E39" s="7"/>
    </row>
    <row r="40" spans="4:53" s="2" customFormat="1" ht="14.25" x14ac:dyDescent="0.15">
      <c r="E40" s="7"/>
    </row>
    <row r="41" spans="4:53" s="2" customFormat="1" ht="14.25" x14ac:dyDescent="0.15"/>
    <row r="42" spans="4:53" s="2" customFormat="1" ht="14.25" x14ac:dyDescent="0.15"/>
  </sheetData>
  <mergeCells count="159">
    <mergeCell ref="AB11:AC11"/>
    <mergeCell ref="D5:BD5"/>
    <mergeCell ref="D10:D12"/>
    <mergeCell ref="E10:E12"/>
    <mergeCell ref="BB10:BD10"/>
    <mergeCell ref="F11:G11"/>
    <mergeCell ref="H11:I11"/>
    <mergeCell ref="J11:K11"/>
    <mergeCell ref="L11:M11"/>
    <mergeCell ref="N11:O11"/>
    <mergeCell ref="P11:Q11"/>
    <mergeCell ref="BB11:BB12"/>
    <mergeCell ref="BC11:BC12"/>
    <mergeCell ref="BD11:BD12"/>
    <mergeCell ref="D23:BA23"/>
    <mergeCell ref="D24:E25"/>
    <mergeCell ref="F24:G24"/>
    <mergeCell ref="H24:I24"/>
    <mergeCell ref="J24:K24"/>
    <mergeCell ref="L24:M24"/>
    <mergeCell ref="N24:O24"/>
    <mergeCell ref="AP11:AQ11"/>
    <mergeCell ref="AR11:AS11"/>
    <mergeCell ref="AT11:AU11"/>
    <mergeCell ref="AV11:AW11"/>
    <mergeCell ref="AX11:AY11"/>
    <mergeCell ref="AZ11:BA11"/>
    <mergeCell ref="AD11:AE11"/>
    <mergeCell ref="AF11:AG11"/>
    <mergeCell ref="AH11:AI11"/>
    <mergeCell ref="AJ11:AK11"/>
    <mergeCell ref="AL11:AM11"/>
    <mergeCell ref="AN11:AO11"/>
    <mergeCell ref="R11:S11"/>
    <mergeCell ref="T11:U11"/>
    <mergeCell ref="V11:W11"/>
    <mergeCell ref="X11:Y11"/>
    <mergeCell ref="Z11:AA11"/>
    <mergeCell ref="AP24:AQ24"/>
    <mergeCell ref="AB24:AC24"/>
    <mergeCell ref="AD24:AE24"/>
    <mergeCell ref="AF24:AG24"/>
    <mergeCell ref="AH24:AI24"/>
    <mergeCell ref="AJ24:AK24"/>
    <mergeCell ref="AL24:AM24"/>
    <mergeCell ref="P24:Q24"/>
    <mergeCell ref="R24:S24"/>
    <mergeCell ref="T24:U24"/>
    <mergeCell ref="V24:W24"/>
    <mergeCell ref="X24:Y24"/>
    <mergeCell ref="Z24:AA24"/>
    <mergeCell ref="Z26:AA26"/>
    <mergeCell ref="AB26:AC26"/>
    <mergeCell ref="AZ24:BA24"/>
    <mergeCell ref="BB24:BB25"/>
    <mergeCell ref="BC24:BD29"/>
    <mergeCell ref="AR24:AS24"/>
    <mergeCell ref="AT24:AU24"/>
    <mergeCell ref="AV24:AW24"/>
    <mergeCell ref="AX24:AY24"/>
    <mergeCell ref="AP26:AQ26"/>
    <mergeCell ref="AR26:AS26"/>
    <mergeCell ref="AT26:AU26"/>
    <mergeCell ref="AV26:AW26"/>
    <mergeCell ref="AX26:AY26"/>
    <mergeCell ref="AZ26:BA26"/>
    <mergeCell ref="AD26:AE26"/>
    <mergeCell ref="AF26:AG26"/>
    <mergeCell ref="AH26:AI26"/>
    <mergeCell ref="AJ26:AK26"/>
    <mergeCell ref="AL26:AM26"/>
    <mergeCell ref="AN26:AO26"/>
    <mergeCell ref="AZ27:BA27"/>
    <mergeCell ref="AN27:AO27"/>
    <mergeCell ref="AN24:AO24"/>
    <mergeCell ref="D27:E27"/>
    <mergeCell ref="F27:G27"/>
    <mergeCell ref="H27:I27"/>
    <mergeCell ref="J27:K27"/>
    <mergeCell ref="L27:M27"/>
    <mergeCell ref="N27:O27"/>
    <mergeCell ref="P27:Q27"/>
    <mergeCell ref="R27:S27"/>
    <mergeCell ref="X26:Y26"/>
    <mergeCell ref="D26:E26"/>
    <mergeCell ref="F26:G26"/>
    <mergeCell ref="H26:I26"/>
    <mergeCell ref="J26:K26"/>
    <mergeCell ref="L26:M26"/>
    <mergeCell ref="N26:O26"/>
    <mergeCell ref="P26:Q26"/>
    <mergeCell ref="R26:S26"/>
    <mergeCell ref="T26:U26"/>
    <mergeCell ref="V26:W26"/>
    <mergeCell ref="L28:M28"/>
    <mergeCell ref="N28:O28"/>
    <mergeCell ref="P28:Q28"/>
    <mergeCell ref="R28:S28"/>
    <mergeCell ref="T28:U28"/>
    <mergeCell ref="T27:U27"/>
    <mergeCell ref="V27:W27"/>
    <mergeCell ref="X27:Y27"/>
    <mergeCell ref="Z27:AA27"/>
    <mergeCell ref="AP27:AQ27"/>
    <mergeCell ref="AR27:AS27"/>
    <mergeCell ref="AT27:AU27"/>
    <mergeCell ref="AV27:AW27"/>
    <mergeCell ref="AX27:AY27"/>
    <mergeCell ref="AB27:AC27"/>
    <mergeCell ref="AD27:AE27"/>
    <mergeCell ref="AF27:AG27"/>
    <mergeCell ref="AH27:AI27"/>
    <mergeCell ref="AJ27:AK27"/>
    <mergeCell ref="AL27:AM27"/>
    <mergeCell ref="D29:E29"/>
    <mergeCell ref="F29:G29"/>
    <mergeCell ref="H29:I29"/>
    <mergeCell ref="J29:K29"/>
    <mergeCell ref="L29:M29"/>
    <mergeCell ref="N29:O29"/>
    <mergeCell ref="AH28:AI28"/>
    <mergeCell ref="AJ28:AK28"/>
    <mergeCell ref="AL28:AM28"/>
    <mergeCell ref="V28:W28"/>
    <mergeCell ref="X28:Y28"/>
    <mergeCell ref="Z28:AA28"/>
    <mergeCell ref="AB28:AC28"/>
    <mergeCell ref="AD28:AE28"/>
    <mergeCell ref="AF28:AG28"/>
    <mergeCell ref="P29:Q29"/>
    <mergeCell ref="R29:S29"/>
    <mergeCell ref="T29:U29"/>
    <mergeCell ref="V29:W29"/>
    <mergeCell ref="X29:Y29"/>
    <mergeCell ref="D28:E28"/>
    <mergeCell ref="F28:G28"/>
    <mergeCell ref="H28:I28"/>
    <mergeCell ref="J28:K28"/>
    <mergeCell ref="Z29:AA29"/>
    <mergeCell ref="AT28:AU28"/>
    <mergeCell ref="AV28:AW28"/>
    <mergeCell ref="AX28:AY28"/>
    <mergeCell ref="AZ29:BA29"/>
    <mergeCell ref="AN29:AO29"/>
    <mergeCell ref="AP29:AQ29"/>
    <mergeCell ref="AR29:AS29"/>
    <mergeCell ref="AT29:AU29"/>
    <mergeCell ref="AV29:AW29"/>
    <mergeCell ref="AX29:AY29"/>
    <mergeCell ref="AB29:AC29"/>
    <mergeCell ref="AD29:AE29"/>
    <mergeCell ref="AF29:AG29"/>
    <mergeCell ref="AH29:AI29"/>
    <mergeCell ref="AJ29:AK29"/>
    <mergeCell ref="AL29:AM29"/>
    <mergeCell ref="AZ28:BA28"/>
    <mergeCell ref="AN28:AO28"/>
    <mergeCell ref="AP28:AQ28"/>
    <mergeCell ref="AR28:AS28"/>
  </mergeCells>
  <phoneticPr fontId="1"/>
  <printOptions horizontalCentered="1"/>
  <pageMargins left="0.39370078740157483" right="0.39370078740157483" top="0.39370078740157483" bottom="0.39370078740157483" header="0.51181102362204722" footer="0.51181102362204722"/>
  <pageSetup paperSize="9" scale="98" orientation="landscape" r:id="rId1"/>
  <headerFooter alignWithMargins="0"/>
  <colBreaks count="1" manualBreakCount="1">
    <brk id="60" min="1" max="30"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E1AE8E-67A0-49A7-87A4-754D6555B5AC}">
  <dimension ref="D2:BD40"/>
  <sheetViews>
    <sheetView showGridLines="0" topLeftCell="A8" zoomScaleNormal="100" zoomScaleSheetLayoutView="100" workbookViewId="0">
      <selection activeCell="C3" sqref="C3:BE28"/>
    </sheetView>
  </sheetViews>
  <sheetFormatPr defaultRowHeight="13.5" x14ac:dyDescent="0.15"/>
  <cols>
    <col min="1" max="2" width="9" style="1"/>
    <col min="3" max="3" width="1.25" style="1" customWidth="1"/>
    <col min="4" max="4" width="6.625" style="1" customWidth="1"/>
    <col min="5" max="5" width="8.75" style="1" customWidth="1"/>
    <col min="6" max="53" width="2.125" style="1" customWidth="1"/>
    <col min="54" max="55" width="5.25" style="1" customWidth="1"/>
    <col min="56" max="56" width="8.125" style="1" customWidth="1"/>
    <col min="57" max="57" width="1.25" style="1" customWidth="1"/>
    <col min="58" max="16384" width="9" style="1"/>
  </cols>
  <sheetData>
    <row r="2" spans="4:56" ht="14.25" x14ac:dyDescent="0.15">
      <c r="BD2" s="8"/>
    </row>
    <row r="3" spans="4:56" ht="19.5" customHeight="1" x14ac:dyDescent="0.2">
      <c r="D3" s="123" t="s">
        <v>1</v>
      </c>
      <c r="E3" s="123"/>
      <c r="F3" s="123"/>
      <c r="G3" s="123"/>
      <c r="H3" s="123"/>
      <c r="I3" s="123"/>
      <c r="J3" s="123"/>
      <c r="K3" s="123"/>
      <c r="L3" s="123"/>
      <c r="M3" s="123"/>
      <c r="N3" s="123"/>
      <c r="O3" s="123"/>
      <c r="P3" s="123"/>
      <c r="Q3" s="123"/>
      <c r="R3" s="123"/>
      <c r="S3" s="123"/>
      <c r="T3" s="123"/>
      <c r="U3" s="123"/>
      <c r="V3" s="123"/>
      <c r="W3" s="123"/>
      <c r="X3" s="123"/>
      <c r="Y3" s="123"/>
      <c r="Z3" s="123"/>
      <c r="AA3" s="123"/>
      <c r="AB3" s="123"/>
      <c r="AC3" s="123"/>
      <c r="AD3" s="123"/>
      <c r="AE3" s="123"/>
      <c r="AF3" s="123"/>
      <c r="AG3" s="123"/>
      <c r="AH3" s="123"/>
      <c r="AI3" s="123"/>
      <c r="AJ3" s="123"/>
      <c r="AK3" s="123"/>
      <c r="AL3" s="123"/>
      <c r="AM3" s="123"/>
      <c r="AN3" s="123"/>
      <c r="AO3" s="123"/>
      <c r="AP3" s="123"/>
      <c r="AQ3" s="123"/>
      <c r="AR3" s="123"/>
      <c r="AS3" s="123"/>
      <c r="AT3" s="123"/>
      <c r="AU3" s="123"/>
      <c r="AV3" s="123"/>
      <c r="AW3" s="123"/>
      <c r="AX3" s="123"/>
      <c r="AY3" s="123"/>
      <c r="AZ3" s="123"/>
      <c r="BA3" s="123"/>
      <c r="BB3" s="123"/>
      <c r="BC3" s="123"/>
      <c r="BD3" s="123"/>
    </row>
    <row r="4" spans="4:56" ht="14.25" customHeight="1" x14ac:dyDescent="0.2">
      <c r="D4" s="5"/>
    </row>
    <row r="5" spans="4:56" s="2" customFormat="1" ht="18" customHeight="1" thickBot="1" x14ac:dyDescent="0.2">
      <c r="D5" s="36" t="s">
        <v>20</v>
      </c>
      <c r="E5" s="35"/>
      <c r="F5" s="35"/>
      <c r="G5" s="35"/>
      <c r="H5" s="35"/>
      <c r="I5" s="35"/>
      <c r="J5" s="35"/>
      <c r="K5" s="35"/>
      <c r="L5" s="35"/>
      <c r="M5" s="35"/>
      <c r="N5" s="35"/>
      <c r="O5" s="35"/>
      <c r="P5" s="35"/>
      <c r="Q5" s="35"/>
      <c r="R5" s="35"/>
      <c r="S5" s="35"/>
      <c r="T5" s="35"/>
      <c r="U5" s="35"/>
      <c r="V5" s="35"/>
      <c r="W5" s="35"/>
      <c r="AF5" s="35"/>
      <c r="AG5" s="35"/>
      <c r="AH5" s="35"/>
      <c r="AL5" s="35"/>
      <c r="AP5" s="37" t="s">
        <v>13</v>
      </c>
      <c r="AS5" s="9"/>
      <c r="AU5" s="1"/>
      <c r="AY5" s="37"/>
      <c r="BA5" s="37"/>
      <c r="BB5" s="37" t="s">
        <v>2</v>
      </c>
      <c r="BC5" s="37"/>
    </row>
    <row r="6" spans="4:56" s="2" customFormat="1" ht="18" customHeight="1" thickBot="1" x14ac:dyDescent="0.2">
      <c r="D6" s="36" t="s">
        <v>19</v>
      </c>
      <c r="E6" s="35"/>
      <c r="F6" s="35"/>
      <c r="G6" s="35"/>
      <c r="H6" s="35"/>
      <c r="I6" s="35"/>
      <c r="J6" s="35"/>
      <c r="K6" s="35"/>
      <c r="L6" s="35"/>
      <c r="M6" s="35"/>
      <c r="N6" s="35"/>
      <c r="O6" s="35"/>
      <c r="P6" s="35"/>
      <c r="Q6" s="35"/>
      <c r="R6" s="35"/>
      <c r="S6" s="35"/>
      <c r="T6" s="35"/>
      <c r="U6" s="35"/>
      <c r="V6" s="35"/>
      <c r="W6" s="35"/>
      <c r="AF6" s="35"/>
      <c r="AG6" s="35"/>
      <c r="AH6" s="35"/>
      <c r="AM6" s="44"/>
      <c r="AN6" s="53"/>
      <c r="AO6" s="45"/>
      <c r="AP6" s="37" t="s">
        <v>10</v>
      </c>
    </row>
    <row r="7" spans="4:56" ht="20.25" customHeight="1" thickBot="1" x14ac:dyDescent="0.2">
      <c r="D7" s="30" t="s">
        <v>12</v>
      </c>
      <c r="E7" s="29"/>
      <c r="F7" s="29"/>
      <c r="G7" s="29"/>
      <c r="H7" s="29"/>
      <c r="I7" s="29"/>
      <c r="J7" s="29"/>
      <c r="K7" s="29"/>
      <c r="L7" s="29"/>
      <c r="M7" s="29"/>
      <c r="N7" s="29"/>
      <c r="O7" s="29"/>
      <c r="P7" s="29"/>
      <c r="Q7" s="29"/>
      <c r="R7" s="29"/>
      <c r="S7" s="29"/>
      <c r="T7" s="29"/>
      <c r="U7" s="29"/>
      <c r="V7" s="29"/>
      <c r="W7" s="29"/>
      <c r="X7" s="29"/>
      <c r="Y7" s="29"/>
      <c r="Z7" s="29"/>
      <c r="AA7" s="29"/>
      <c r="AB7" s="29"/>
      <c r="AC7" s="29"/>
      <c r="AD7" s="29"/>
      <c r="AE7" s="29"/>
      <c r="AF7" s="29"/>
      <c r="AG7" s="29"/>
      <c r="AH7" s="29"/>
      <c r="AI7" s="29"/>
      <c r="AJ7" s="29"/>
      <c r="AK7" s="29"/>
    </row>
    <row r="8" spans="4:56" s="6" customFormat="1" ht="29.25" customHeight="1" x14ac:dyDescent="0.15">
      <c r="D8" s="135" t="s">
        <v>0</v>
      </c>
      <c r="E8" s="138" t="s">
        <v>3</v>
      </c>
      <c r="F8" s="16"/>
      <c r="G8" s="14"/>
      <c r="H8" s="14"/>
      <c r="I8" s="14"/>
      <c r="J8" s="14"/>
      <c r="K8" s="14"/>
      <c r="L8" s="14"/>
      <c r="M8" s="14"/>
      <c r="N8" s="14"/>
      <c r="O8" s="14"/>
      <c r="P8" s="14"/>
      <c r="Q8" s="14"/>
      <c r="R8" s="14"/>
      <c r="S8" s="14"/>
      <c r="T8" s="14"/>
      <c r="U8" s="14"/>
      <c r="V8" s="14"/>
      <c r="W8" s="14"/>
      <c r="X8" s="14"/>
      <c r="Y8" s="14"/>
      <c r="Z8" s="14"/>
      <c r="AA8" s="14"/>
      <c r="AB8" s="14"/>
      <c r="AC8" s="14"/>
      <c r="AD8" s="14"/>
      <c r="AE8" s="14"/>
      <c r="AF8" s="14"/>
      <c r="AG8" s="14"/>
      <c r="AH8" s="14"/>
      <c r="AI8" s="14"/>
      <c r="AJ8" s="14"/>
      <c r="AK8" s="14"/>
      <c r="AL8" s="14"/>
      <c r="AM8" s="14"/>
      <c r="AN8" s="14"/>
      <c r="AO8" s="14"/>
      <c r="AP8" s="14"/>
      <c r="AQ8" s="14"/>
      <c r="AR8" s="14"/>
      <c r="AS8" s="14"/>
      <c r="AT8" s="14"/>
      <c r="AU8" s="14"/>
      <c r="AV8" s="14"/>
      <c r="AW8" s="14"/>
      <c r="AX8" s="14"/>
      <c r="AY8" s="14"/>
      <c r="AZ8" s="14"/>
      <c r="BA8" s="17"/>
      <c r="BB8" s="148" t="s">
        <v>16</v>
      </c>
      <c r="BC8" s="149"/>
      <c r="BD8" s="150"/>
    </row>
    <row r="9" spans="4:56" s="6" customFormat="1" ht="37.5" customHeight="1" x14ac:dyDescent="0.15">
      <c r="D9" s="136"/>
      <c r="E9" s="139"/>
      <c r="F9" s="102">
        <v>0</v>
      </c>
      <c r="G9" s="102"/>
      <c r="H9" s="102">
        <v>1</v>
      </c>
      <c r="I9" s="102"/>
      <c r="J9" s="102">
        <v>2</v>
      </c>
      <c r="K9" s="102"/>
      <c r="L9" s="102">
        <v>3</v>
      </c>
      <c r="M9" s="102"/>
      <c r="N9" s="102">
        <v>4</v>
      </c>
      <c r="O9" s="102"/>
      <c r="P9" s="102">
        <v>5</v>
      </c>
      <c r="Q9" s="102"/>
      <c r="R9" s="102">
        <v>6</v>
      </c>
      <c r="S9" s="102"/>
      <c r="T9" s="102">
        <v>7</v>
      </c>
      <c r="U9" s="102"/>
      <c r="V9" s="102">
        <v>8</v>
      </c>
      <c r="W9" s="102"/>
      <c r="X9" s="102">
        <v>9</v>
      </c>
      <c r="Y9" s="102"/>
      <c r="Z9" s="102">
        <v>10</v>
      </c>
      <c r="AA9" s="102"/>
      <c r="AB9" s="102">
        <v>11</v>
      </c>
      <c r="AC9" s="102"/>
      <c r="AD9" s="102">
        <v>12</v>
      </c>
      <c r="AE9" s="102"/>
      <c r="AF9" s="102">
        <v>13</v>
      </c>
      <c r="AG9" s="102"/>
      <c r="AH9" s="102">
        <v>14</v>
      </c>
      <c r="AI9" s="102"/>
      <c r="AJ9" s="102">
        <v>15</v>
      </c>
      <c r="AK9" s="102"/>
      <c r="AL9" s="102">
        <v>16</v>
      </c>
      <c r="AM9" s="102"/>
      <c r="AN9" s="102">
        <v>17</v>
      </c>
      <c r="AO9" s="102"/>
      <c r="AP9" s="102">
        <v>18</v>
      </c>
      <c r="AQ9" s="102"/>
      <c r="AR9" s="102">
        <v>19</v>
      </c>
      <c r="AS9" s="102"/>
      <c r="AT9" s="102">
        <v>20</v>
      </c>
      <c r="AU9" s="102"/>
      <c r="AV9" s="102">
        <v>21</v>
      </c>
      <c r="AW9" s="102"/>
      <c r="AX9" s="102">
        <v>22</v>
      </c>
      <c r="AY9" s="102"/>
      <c r="AZ9" s="102">
        <v>23</v>
      </c>
      <c r="BA9" s="102"/>
      <c r="BB9" s="141" t="s">
        <v>9</v>
      </c>
      <c r="BC9" s="103" t="s">
        <v>10</v>
      </c>
      <c r="BD9" s="143" t="s">
        <v>17</v>
      </c>
    </row>
    <row r="10" spans="4:56" s="6" customFormat="1" ht="3.75" customHeight="1" thickBot="1" x14ac:dyDescent="0.2">
      <c r="D10" s="137"/>
      <c r="E10" s="140"/>
      <c r="F10" s="31"/>
      <c r="G10" s="15"/>
      <c r="H10" s="32"/>
      <c r="I10" s="33"/>
      <c r="J10" s="15"/>
      <c r="K10" s="15"/>
      <c r="L10" s="32"/>
      <c r="M10" s="33"/>
      <c r="N10" s="15"/>
      <c r="O10" s="15"/>
      <c r="P10" s="32"/>
      <c r="Q10" s="33"/>
      <c r="R10" s="15"/>
      <c r="S10" s="15"/>
      <c r="T10" s="32"/>
      <c r="U10" s="33"/>
      <c r="V10" s="15"/>
      <c r="W10" s="15"/>
      <c r="X10" s="32"/>
      <c r="Y10" s="33"/>
      <c r="Z10" s="15"/>
      <c r="AA10" s="15"/>
      <c r="AB10" s="32"/>
      <c r="AC10" s="33"/>
      <c r="AD10" s="15"/>
      <c r="AE10" s="15"/>
      <c r="AF10" s="32"/>
      <c r="AG10" s="33"/>
      <c r="AH10" s="15"/>
      <c r="AI10" s="15"/>
      <c r="AJ10" s="32"/>
      <c r="AK10" s="33"/>
      <c r="AL10" s="15"/>
      <c r="AM10" s="15"/>
      <c r="AN10" s="32"/>
      <c r="AO10" s="33"/>
      <c r="AP10" s="15"/>
      <c r="AQ10" s="15"/>
      <c r="AR10" s="32"/>
      <c r="AS10" s="15"/>
      <c r="AT10" s="32"/>
      <c r="AU10" s="15"/>
      <c r="AV10" s="32"/>
      <c r="AW10" s="15"/>
      <c r="AX10" s="32"/>
      <c r="AY10" s="15"/>
      <c r="AZ10" s="32"/>
      <c r="BA10" s="34"/>
      <c r="BB10" s="142"/>
      <c r="BC10" s="104"/>
      <c r="BD10" s="140"/>
    </row>
    <row r="11" spans="4:56" ht="23.25" customHeight="1" x14ac:dyDescent="0.15">
      <c r="D11" s="10"/>
      <c r="E11" s="11" t="s">
        <v>4</v>
      </c>
      <c r="F11" s="54"/>
      <c r="G11" s="55"/>
      <c r="H11" s="56"/>
      <c r="I11" s="57"/>
      <c r="J11" s="54"/>
      <c r="K11" s="55"/>
      <c r="L11" s="56"/>
      <c r="M11" s="57"/>
      <c r="N11" s="54"/>
      <c r="O11" s="55"/>
      <c r="P11" s="56"/>
      <c r="Q11" s="57"/>
      <c r="R11" s="54"/>
      <c r="S11" s="55"/>
      <c r="T11" s="56"/>
      <c r="U11" s="58"/>
      <c r="V11" s="59"/>
      <c r="W11" s="55"/>
      <c r="X11" s="56"/>
      <c r="Y11" s="57"/>
      <c r="Z11" s="54"/>
      <c r="AA11" s="55"/>
      <c r="AB11" s="56"/>
      <c r="AC11" s="57"/>
      <c r="AD11" s="54"/>
      <c r="AE11" s="55"/>
      <c r="AF11" s="56"/>
      <c r="AG11" s="57"/>
      <c r="AH11" s="54"/>
      <c r="AI11" s="55"/>
      <c r="AJ11" s="56"/>
      <c r="AK11" s="58"/>
      <c r="AL11" s="59"/>
      <c r="AM11" s="55"/>
      <c r="AN11" s="56"/>
      <c r="AO11" s="57"/>
      <c r="AP11" s="54"/>
      <c r="AQ11" s="55"/>
      <c r="AR11" s="56"/>
      <c r="AS11" s="58"/>
      <c r="AT11" s="59"/>
      <c r="AU11" s="55"/>
      <c r="AV11" s="56"/>
      <c r="AW11" s="57"/>
      <c r="AX11" s="54"/>
      <c r="AY11" s="55"/>
      <c r="AZ11" s="56"/>
      <c r="BA11" s="3"/>
      <c r="BB11" s="18"/>
      <c r="BC11" s="60"/>
      <c r="BD11" s="11"/>
    </row>
    <row r="12" spans="4:56" ht="23.25" customHeight="1" x14ac:dyDescent="0.15">
      <c r="D12" s="12"/>
      <c r="E12" s="13" t="s">
        <v>4</v>
      </c>
      <c r="F12" s="21"/>
      <c r="G12" s="25"/>
      <c r="H12" s="26"/>
      <c r="I12" s="23"/>
      <c r="J12" s="21"/>
      <c r="K12" s="25"/>
      <c r="L12" s="26"/>
      <c r="M12" s="23"/>
      <c r="N12" s="21"/>
      <c r="O12" s="25"/>
      <c r="P12" s="26"/>
      <c r="Q12" s="23"/>
      <c r="R12" s="21"/>
      <c r="S12" s="25"/>
      <c r="T12" s="26"/>
      <c r="U12" s="38"/>
      <c r="V12" s="39"/>
      <c r="W12" s="25"/>
      <c r="X12" s="26"/>
      <c r="Y12" s="23"/>
      <c r="Z12" s="21"/>
      <c r="AA12" s="25"/>
      <c r="AB12" s="26"/>
      <c r="AC12" s="23"/>
      <c r="AD12" s="21"/>
      <c r="AE12" s="25"/>
      <c r="AF12" s="26"/>
      <c r="AG12" s="23"/>
      <c r="AH12" s="21"/>
      <c r="AI12" s="25"/>
      <c r="AJ12" s="26"/>
      <c r="AK12" s="38"/>
      <c r="AL12" s="39"/>
      <c r="AM12" s="25"/>
      <c r="AN12" s="26"/>
      <c r="AO12" s="23"/>
      <c r="AP12" s="21"/>
      <c r="AQ12" s="25"/>
      <c r="AR12" s="26"/>
      <c r="AS12" s="38"/>
      <c r="AT12" s="39"/>
      <c r="AU12" s="25"/>
      <c r="AV12" s="26"/>
      <c r="AW12" s="23"/>
      <c r="AX12" s="21"/>
      <c r="AY12" s="25"/>
      <c r="AZ12" s="26"/>
      <c r="BA12" s="42"/>
      <c r="BB12" s="20"/>
      <c r="BC12" s="61"/>
      <c r="BD12" s="98"/>
    </row>
    <row r="13" spans="4:56" ht="23.25" customHeight="1" x14ac:dyDescent="0.15">
      <c r="D13" s="12"/>
      <c r="E13" s="13" t="s">
        <v>4</v>
      </c>
      <c r="F13" s="22"/>
      <c r="G13" s="27"/>
      <c r="H13" s="28"/>
      <c r="I13" s="24"/>
      <c r="J13" s="22"/>
      <c r="K13" s="27"/>
      <c r="L13" s="28"/>
      <c r="M13" s="24"/>
      <c r="N13" s="22"/>
      <c r="O13" s="27"/>
      <c r="P13" s="28"/>
      <c r="Q13" s="24"/>
      <c r="R13" s="22"/>
      <c r="S13" s="27"/>
      <c r="T13" s="28"/>
      <c r="U13" s="40"/>
      <c r="V13" s="41"/>
      <c r="W13" s="27"/>
      <c r="X13" s="28"/>
      <c r="Y13" s="24"/>
      <c r="Z13" s="22"/>
      <c r="AA13" s="27"/>
      <c r="AB13" s="28"/>
      <c r="AC13" s="24"/>
      <c r="AD13" s="22"/>
      <c r="AE13" s="27"/>
      <c r="AF13" s="28"/>
      <c r="AG13" s="24"/>
      <c r="AH13" s="22"/>
      <c r="AI13" s="27"/>
      <c r="AJ13" s="28"/>
      <c r="AK13" s="40"/>
      <c r="AL13" s="41"/>
      <c r="AM13" s="27"/>
      <c r="AN13" s="28"/>
      <c r="AO13" s="24"/>
      <c r="AP13" s="22"/>
      <c r="AQ13" s="27"/>
      <c r="AR13" s="28"/>
      <c r="AS13" s="40"/>
      <c r="AT13" s="41"/>
      <c r="AU13" s="27"/>
      <c r="AV13" s="28"/>
      <c r="AW13" s="24"/>
      <c r="AX13" s="22"/>
      <c r="AY13" s="27"/>
      <c r="AZ13" s="28"/>
      <c r="BA13" s="43"/>
      <c r="BB13" s="20"/>
      <c r="BC13" s="61"/>
      <c r="BD13" s="98"/>
    </row>
    <row r="14" spans="4:56" ht="23.25" customHeight="1" x14ac:dyDescent="0.15">
      <c r="D14" s="12"/>
      <c r="E14" s="13" t="s">
        <v>4</v>
      </c>
      <c r="F14" s="22"/>
      <c r="G14" s="27"/>
      <c r="H14" s="28"/>
      <c r="I14" s="24"/>
      <c r="J14" s="22"/>
      <c r="K14" s="27"/>
      <c r="L14" s="28"/>
      <c r="M14" s="24"/>
      <c r="N14" s="21"/>
      <c r="O14" s="27"/>
      <c r="P14" s="28"/>
      <c r="Q14" s="24"/>
      <c r="R14" s="22"/>
      <c r="S14" s="27"/>
      <c r="T14" s="28"/>
      <c r="U14" s="40"/>
      <c r="V14" s="41"/>
      <c r="W14" s="27"/>
      <c r="X14" s="28"/>
      <c r="Y14" s="24"/>
      <c r="Z14" s="22"/>
      <c r="AA14" s="27"/>
      <c r="AB14" s="28"/>
      <c r="AC14" s="24"/>
      <c r="AD14" s="22"/>
      <c r="AE14" s="27"/>
      <c r="AF14" s="28"/>
      <c r="AG14" s="24"/>
      <c r="AH14" s="22"/>
      <c r="AI14" s="27"/>
      <c r="AJ14" s="28"/>
      <c r="AK14" s="40"/>
      <c r="AL14" s="41"/>
      <c r="AM14" s="27"/>
      <c r="AN14" s="28"/>
      <c r="AO14" s="24"/>
      <c r="AP14" s="22"/>
      <c r="AQ14" s="27"/>
      <c r="AR14" s="28"/>
      <c r="AS14" s="40"/>
      <c r="AT14" s="41"/>
      <c r="AU14" s="27"/>
      <c r="AV14" s="28"/>
      <c r="AW14" s="24"/>
      <c r="AX14" s="22"/>
      <c r="AY14" s="27"/>
      <c r="AZ14" s="28"/>
      <c r="BA14" s="42"/>
      <c r="BB14" s="20"/>
      <c r="BC14" s="61"/>
      <c r="BD14" s="98"/>
    </row>
    <row r="15" spans="4:56" ht="23.25" customHeight="1" x14ac:dyDescent="0.15">
      <c r="D15" s="12"/>
      <c r="E15" s="13" t="s">
        <v>4</v>
      </c>
      <c r="F15" s="21"/>
      <c r="G15" s="25"/>
      <c r="H15" s="26"/>
      <c r="I15" s="23"/>
      <c r="J15" s="21"/>
      <c r="K15" s="25"/>
      <c r="L15" s="26"/>
      <c r="M15" s="23"/>
      <c r="N15" s="21"/>
      <c r="O15" s="25"/>
      <c r="P15" s="26"/>
      <c r="Q15" s="23"/>
      <c r="R15" s="21"/>
      <c r="S15" s="25"/>
      <c r="T15" s="26"/>
      <c r="U15" s="38"/>
      <c r="V15" s="39"/>
      <c r="W15" s="25"/>
      <c r="X15" s="26"/>
      <c r="Y15" s="23"/>
      <c r="Z15" s="21"/>
      <c r="AA15" s="25"/>
      <c r="AB15" s="26"/>
      <c r="AC15" s="23"/>
      <c r="AD15" s="21"/>
      <c r="AE15" s="25"/>
      <c r="AF15" s="26"/>
      <c r="AG15" s="23"/>
      <c r="AH15" s="21"/>
      <c r="AI15" s="25"/>
      <c r="AJ15" s="26"/>
      <c r="AK15" s="38"/>
      <c r="AL15" s="39"/>
      <c r="AM15" s="25"/>
      <c r="AN15" s="26"/>
      <c r="AO15" s="23"/>
      <c r="AP15" s="21"/>
      <c r="AQ15" s="25"/>
      <c r="AR15" s="26"/>
      <c r="AS15" s="38"/>
      <c r="AT15" s="39"/>
      <c r="AU15" s="25"/>
      <c r="AV15" s="26"/>
      <c r="AW15" s="23"/>
      <c r="AX15" s="21"/>
      <c r="AY15" s="25"/>
      <c r="AZ15" s="26"/>
      <c r="BA15" s="42"/>
      <c r="BB15" s="20"/>
      <c r="BC15" s="61"/>
      <c r="BD15" s="98"/>
    </row>
    <row r="16" spans="4:56" ht="23.25" customHeight="1" x14ac:dyDescent="0.15">
      <c r="D16" s="12"/>
      <c r="E16" s="13" t="s">
        <v>4</v>
      </c>
      <c r="F16" s="22"/>
      <c r="G16" s="27"/>
      <c r="H16" s="28"/>
      <c r="I16" s="24"/>
      <c r="J16" s="22"/>
      <c r="K16" s="27"/>
      <c r="L16" s="28"/>
      <c r="M16" s="24"/>
      <c r="N16" s="22"/>
      <c r="O16" s="27"/>
      <c r="P16" s="28"/>
      <c r="Q16" s="24"/>
      <c r="R16" s="22"/>
      <c r="S16" s="27"/>
      <c r="T16" s="28"/>
      <c r="U16" s="40"/>
      <c r="V16" s="41"/>
      <c r="W16" s="27"/>
      <c r="X16" s="28"/>
      <c r="Y16" s="24"/>
      <c r="Z16" s="22"/>
      <c r="AA16" s="27"/>
      <c r="AB16" s="28"/>
      <c r="AC16" s="24"/>
      <c r="AD16" s="22"/>
      <c r="AE16" s="27"/>
      <c r="AF16" s="28"/>
      <c r="AG16" s="24"/>
      <c r="AH16" s="22"/>
      <c r="AI16" s="27"/>
      <c r="AJ16" s="28"/>
      <c r="AK16" s="40"/>
      <c r="AL16" s="41"/>
      <c r="AM16" s="27"/>
      <c r="AN16" s="28"/>
      <c r="AO16" s="24"/>
      <c r="AP16" s="22"/>
      <c r="AQ16" s="27"/>
      <c r="AR16" s="28"/>
      <c r="AS16" s="40"/>
      <c r="AT16" s="41"/>
      <c r="AU16" s="27"/>
      <c r="AV16" s="28"/>
      <c r="AW16" s="24"/>
      <c r="AX16" s="22"/>
      <c r="AY16" s="27"/>
      <c r="AZ16" s="28"/>
      <c r="BA16" s="43"/>
      <c r="BB16" s="20"/>
      <c r="BC16" s="61"/>
      <c r="BD16" s="98"/>
    </row>
    <row r="17" spans="4:56" ht="23.25" customHeight="1" x14ac:dyDescent="0.15">
      <c r="D17" s="12"/>
      <c r="E17" s="13" t="s">
        <v>4</v>
      </c>
      <c r="F17" s="22"/>
      <c r="G17" s="27"/>
      <c r="H17" s="28"/>
      <c r="I17" s="24"/>
      <c r="J17" s="22"/>
      <c r="K17" s="27"/>
      <c r="L17" s="28"/>
      <c r="M17" s="24"/>
      <c r="N17" s="22"/>
      <c r="O17" s="27"/>
      <c r="P17" s="28"/>
      <c r="Q17" s="24"/>
      <c r="R17" s="22"/>
      <c r="S17" s="27"/>
      <c r="T17" s="28"/>
      <c r="U17" s="40"/>
      <c r="V17" s="41"/>
      <c r="W17" s="27"/>
      <c r="X17" s="28"/>
      <c r="Y17" s="24"/>
      <c r="Z17" s="22"/>
      <c r="AA17" s="27"/>
      <c r="AB17" s="28"/>
      <c r="AC17" s="24"/>
      <c r="AD17" s="22"/>
      <c r="AE17" s="27"/>
      <c r="AF17" s="28"/>
      <c r="AG17" s="24"/>
      <c r="AH17" s="22"/>
      <c r="AI17" s="27"/>
      <c r="AJ17" s="28"/>
      <c r="AK17" s="40"/>
      <c r="AL17" s="41"/>
      <c r="AM17" s="27"/>
      <c r="AN17" s="28"/>
      <c r="AO17" s="24"/>
      <c r="AP17" s="22"/>
      <c r="AQ17" s="27"/>
      <c r="AR17" s="28"/>
      <c r="AS17" s="40"/>
      <c r="AT17" s="41"/>
      <c r="AU17" s="27"/>
      <c r="AV17" s="28"/>
      <c r="AW17" s="24"/>
      <c r="AX17" s="22"/>
      <c r="AY17" s="27"/>
      <c r="AZ17" s="28"/>
      <c r="BA17" s="43"/>
      <c r="BB17" s="20"/>
      <c r="BC17" s="61"/>
      <c r="BD17" s="98"/>
    </row>
    <row r="18" spans="4:56" ht="23.25" customHeight="1" x14ac:dyDescent="0.15">
      <c r="D18" s="12"/>
      <c r="E18" s="13" t="s">
        <v>4</v>
      </c>
      <c r="F18" s="22"/>
      <c r="G18" s="27"/>
      <c r="H18" s="28"/>
      <c r="I18" s="24"/>
      <c r="J18" s="22"/>
      <c r="K18" s="27"/>
      <c r="L18" s="28"/>
      <c r="M18" s="24"/>
      <c r="N18" s="22"/>
      <c r="O18" s="27"/>
      <c r="P18" s="28"/>
      <c r="Q18" s="24"/>
      <c r="R18" s="22"/>
      <c r="S18" s="27"/>
      <c r="T18" s="28"/>
      <c r="U18" s="40"/>
      <c r="V18" s="41"/>
      <c r="W18" s="27"/>
      <c r="X18" s="28"/>
      <c r="Y18" s="24"/>
      <c r="Z18" s="22"/>
      <c r="AA18" s="27"/>
      <c r="AB18" s="28"/>
      <c r="AC18" s="24"/>
      <c r="AD18" s="22"/>
      <c r="AE18" s="27"/>
      <c r="AF18" s="28"/>
      <c r="AG18" s="24"/>
      <c r="AH18" s="22"/>
      <c r="AI18" s="27"/>
      <c r="AJ18" s="28"/>
      <c r="AK18" s="40"/>
      <c r="AL18" s="41"/>
      <c r="AM18" s="27"/>
      <c r="AN18" s="28"/>
      <c r="AO18" s="24"/>
      <c r="AP18" s="22"/>
      <c r="AQ18" s="27"/>
      <c r="AR18" s="28"/>
      <c r="AS18" s="40"/>
      <c r="AT18" s="41"/>
      <c r="AU18" s="27"/>
      <c r="AV18" s="28"/>
      <c r="AW18" s="24"/>
      <c r="AX18" s="22"/>
      <c r="AY18" s="27"/>
      <c r="AZ18" s="28"/>
      <c r="BA18" s="43"/>
      <c r="BB18" s="20"/>
      <c r="BC18" s="61"/>
      <c r="BD18" s="98"/>
    </row>
    <row r="19" spans="4:56" ht="23.25" customHeight="1" x14ac:dyDescent="0.15">
      <c r="D19" s="12"/>
      <c r="E19" s="13" t="s">
        <v>4</v>
      </c>
      <c r="F19" s="22"/>
      <c r="G19" s="27"/>
      <c r="H19" s="28"/>
      <c r="I19" s="24"/>
      <c r="J19" s="22"/>
      <c r="K19" s="27"/>
      <c r="L19" s="28"/>
      <c r="M19" s="24"/>
      <c r="N19" s="22"/>
      <c r="O19" s="27"/>
      <c r="P19" s="28"/>
      <c r="Q19" s="24"/>
      <c r="R19" s="22"/>
      <c r="S19" s="27"/>
      <c r="T19" s="28"/>
      <c r="U19" s="40"/>
      <c r="V19" s="41"/>
      <c r="W19" s="27"/>
      <c r="X19" s="28"/>
      <c r="Y19" s="24"/>
      <c r="Z19" s="22"/>
      <c r="AA19" s="27"/>
      <c r="AB19" s="28"/>
      <c r="AC19" s="24"/>
      <c r="AD19" s="22"/>
      <c r="AE19" s="27"/>
      <c r="AF19" s="28"/>
      <c r="AG19" s="24"/>
      <c r="AH19" s="22"/>
      <c r="AI19" s="27"/>
      <c r="AJ19" s="28"/>
      <c r="AK19" s="40"/>
      <c r="AL19" s="41"/>
      <c r="AM19" s="27"/>
      <c r="AN19" s="28"/>
      <c r="AO19" s="24"/>
      <c r="AP19" s="22"/>
      <c r="AQ19" s="27"/>
      <c r="AR19" s="28"/>
      <c r="AS19" s="40"/>
      <c r="AT19" s="41"/>
      <c r="AU19" s="27"/>
      <c r="AV19" s="28"/>
      <c r="AW19" s="24"/>
      <c r="AX19" s="22"/>
      <c r="AY19" s="27"/>
      <c r="AZ19" s="28"/>
      <c r="BA19" s="43"/>
      <c r="BB19" s="20"/>
      <c r="BC19" s="61"/>
      <c r="BD19" s="98"/>
    </row>
    <row r="20" spans="4:56" ht="23.25" customHeight="1" thickBot="1" x14ac:dyDescent="0.2">
      <c r="D20" s="10"/>
      <c r="E20" s="11" t="s">
        <v>4</v>
      </c>
      <c r="F20" s="46"/>
      <c r="G20" s="51"/>
      <c r="H20" s="52"/>
      <c r="I20" s="49"/>
      <c r="J20" s="46"/>
      <c r="K20" s="51"/>
      <c r="L20" s="52"/>
      <c r="M20" s="49"/>
      <c r="N20" s="46"/>
      <c r="O20" s="51"/>
      <c r="P20" s="52"/>
      <c r="Q20" s="49"/>
      <c r="R20" s="46"/>
      <c r="S20" s="51"/>
      <c r="T20" s="52"/>
      <c r="U20" s="47"/>
      <c r="V20" s="48"/>
      <c r="W20" s="51"/>
      <c r="X20" s="52"/>
      <c r="Y20" s="49"/>
      <c r="Z20" s="46"/>
      <c r="AA20" s="51"/>
      <c r="AB20" s="52"/>
      <c r="AC20" s="49"/>
      <c r="AD20" s="46"/>
      <c r="AE20" s="51"/>
      <c r="AF20" s="52"/>
      <c r="AG20" s="49"/>
      <c r="AH20" s="46"/>
      <c r="AI20" s="51"/>
      <c r="AJ20" s="52"/>
      <c r="AK20" s="47"/>
      <c r="AL20" s="48"/>
      <c r="AM20" s="51"/>
      <c r="AN20" s="52"/>
      <c r="AO20" s="49"/>
      <c r="AP20" s="46"/>
      <c r="AQ20" s="51"/>
      <c r="AR20" s="52"/>
      <c r="AS20" s="47"/>
      <c r="AT20" s="48"/>
      <c r="AU20" s="51"/>
      <c r="AV20" s="52"/>
      <c r="AW20" s="49"/>
      <c r="AX20" s="46"/>
      <c r="AY20" s="51"/>
      <c r="AZ20" s="52"/>
      <c r="BA20" s="19"/>
      <c r="BB20" s="18"/>
      <c r="BC20" s="60"/>
      <c r="BD20" s="99"/>
    </row>
    <row r="21" spans="4:56" ht="23.25" customHeight="1" thickTop="1" thickBot="1" x14ac:dyDescent="0.2">
      <c r="D21" s="130" t="s">
        <v>15</v>
      </c>
      <c r="E21" s="131"/>
      <c r="F21" s="131"/>
      <c r="G21" s="131"/>
      <c r="H21" s="131"/>
      <c r="I21" s="131"/>
      <c r="J21" s="131"/>
      <c r="K21" s="131"/>
      <c r="L21" s="131"/>
      <c r="M21" s="131"/>
      <c r="N21" s="131"/>
      <c r="O21" s="131"/>
      <c r="P21" s="131"/>
      <c r="Q21" s="131"/>
      <c r="R21" s="131"/>
      <c r="S21" s="131"/>
      <c r="T21" s="131"/>
      <c r="U21" s="131"/>
      <c r="V21" s="131"/>
      <c r="W21" s="131"/>
      <c r="X21" s="131"/>
      <c r="Y21" s="131"/>
      <c r="Z21" s="131"/>
      <c r="AA21" s="131"/>
      <c r="AB21" s="131"/>
      <c r="AC21" s="131"/>
      <c r="AD21" s="131"/>
      <c r="AE21" s="131"/>
      <c r="AF21" s="131"/>
      <c r="AG21" s="131"/>
      <c r="AH21" s="131"/>
      <c r="AI21" s="131"/>
      <c r="AJ21" s="131"/>
      <c r="AK21" s="131"/>
      <c r="AL21" s="131"/>
      <c r="AM21" s="131"/>
      <c r="AN21" s="131"/>
      <c r="AO21" s="131"/>
      <c r="AP21" s="131"/>
      <c r="AQ21" s="131"/>
      <c r="AR21" s="131"/>
      <c r="AS21" s="131"/>
      <c r="AT21" s="131"/>
      <c r="AU21" s="131"/>
      <c r="AV21" s="131"/>
      <c r="AW21" s="131"/>
      <c r="AX21" s="131"/>
      <c r="AY21" s="131"/>
      <c r="AZ21" s="131"/>
      <c r="BA21" s="132"/>
      <c r="BB21" s="50"/>
      <c r="BC21" s="62"/>
      <c r="BD21" s="63"/>
    </row>
    <row r="22" spans="4:56" ht="23.25" customHeight="1" x14ac:dyDescent="0.15">
      <c r="D22" s="144" t="s">
        <v>11</v>
      </c>
      <c r="E22" s="145"/>
      <c r="F22" s="102">
        <v>0</v>
      </c>
      <c r="G22" s="102"/>
      <c r="H22" s="102">
        <v>1</v>
      </c>
      <c r="I22" s="102"/>
      <c r="J22" s="102">
        <v>2</v>
      </c>
      <c r="K22" s="102"/>
      <c r="L22" s="102">
        <v>3</v>
      </c>
      <c r="M22" s="102"/>
      <c r="N22" s="102">
        <v>4</v>
      </c>
      <c r="O22" s="102"/>
      <c r="P22" s="102">
        <v>5</v>
      </c>
      <c r="Q22" s="102"/>
      <c r="R22" s="102">
        <v>6</v>
      </c>
      <c r="S22" s="102"/>
      <c r="T22" s="102">
        <v>7</v>
      </c>
      <c r="U22" s="102"/>
      <c r="V22" s="102">
        <v>8</v>
      </c>
      <c r="W22" s="102"/>
      <c r="X22" s="102">
        <v>9</v>
      </c>
      <c r="Y22" s="102"/>
      <c r="Z22" s="102">
        <v>10</v>
      </c>
      <c r="AA22" s="102"/>
      <c r="AB22" s="102">
        <v>11</v>
      </c>
      <c r="AC22" s="102"/>
      <c r="AD22" s="102">
        <v>12</v>
      </c>
      <c r="AE22" s="102"/>
      <c r="AF22" s="102">
        <v>13</v>
      </c>
      <c r="AG22" s="102"/>
      <c r="AH22" s="102">
        <v>14</v>
      </c>
      <c r="AI22" s="102"/>
      <c r="AJ22" s="102">
        <v>15</v>
      </c>
      <c r="AK22" s="102"/>
      <c r="AL22" s="102">
        <v>16</v>
      </c>
      <c r="AM22" s="102"/>
      <c r="AN22" s="102">
        <v>17</v>
      </c>
      <c r="AO22" s="102"/>
      <c r="AP22" s="102">
        <v>18</v>
      </c>
      <c r="AQ22" s="102"/>
      <c r="AR22" s="102">
        <v>19</v>
      </c>
      <c r="AS22" s="102"/>
      <c r="AT22" s="102">
        <v>20</v>
      </c>
      <c r="AU22" s="102"/>
      <c r="AV22" s="102">
        <v>21</v>
      </c>
      <c r="AW22" s="102"/>
      <c r="AX22" s="102">
        <v>22</v>
      </c>
      <c r="AY22" s="102"/>
      <c r="AZ22" s="102">
        <v>23</v>
      </c>
      <c r="BA22" s="102"/>
      <c r="BB22" s="115" t="s">
        <v>18</v>
      </c>
      <c r="BC22" s="117" t="s">
        <v>21</v>
      </c>
      <c r="BD22" s="118"/>
    </row>
    <row r="23" spans="4:56" ht="3" customHeight="1" thickBot="1" x14ac:dyDescent="0.2">
      <c r="D23" s="146"/>
      <c r="E23" s="147"/>
      <c r="F23" s="15"/>
      <c r="G23" s="15"/>
      <c r="H23" s="32"/>
      <c r="I23" s="33"/>
      <c r="J23" s="15"/>
      <c r="K23" s="15"/>
      <c r="L23" s="32"/>
      <c r="M23" s="33"/>
      <c r="N23" s="15"/>
      <c r="O23" s="15"/>
      <c r="P23" s="32"/>
      <c r="Q23" s="33"/>
      <c r="R23" s="15"/>
      <c r="S23" s="15"/>
      <c r="T23" s="32"/>
      <c r="U23" s="33"/>
      <c r="V23" s="15"/>
      <c r="W23" s="15"/>
      <c r="X23" s="32"/>
      <c r="Y23" s="33"/>
      <c r="Z23" s="15"/>
      <c r="AA23" s="15"/>
      <c r="AB23" s="32"/>
      <c r="AC23" s="33"/>
      <c r="AD23" s="15"/>
      <c r="AE23" s="15"/>
      <c r="AF23" s="32"/>
      <c r="AG23" s="33"/>
      <c r="AH23" s="15"/>
      <c r="AI23" s="15"/>
      <c r="AJ23" s="32"/>
      <c r="AK23" s="33"/>
      <c r="AL23" s="15"/>
      <c r="AM23" s="15"/>
      <c r="AN23" s="32"/>
      <c r="AO23" s="33"/>
      <c r="AP23" s="15"/>
      <c r="AQ23" s="15"/>
      <c r="AR23" s="32"/>
      <c r="AS23" s="15"/>
      <c r="AT23" s="32"/>
      <c r="AU23" s="15"/>
      <c r="AV23" s="32"/>
      <c r="AW23" s="15"/>
      <c r="AX23" s="32"/>
      <c r="AY23" s="15"/>
      <c r="AZ23" s="32"/>
      <c r="BA23" s="34"/>
      <c r="BB23" s="116"/>
      <c r="BC23" s="119"/>
      <c r="BD23" s="120"/>
    </row>
    <row r="24" spans="4:56" ht="23.25" customHeight="1" x14ac:dyDescent="0.15">
      <c r="D24" s="124" t="s">
        <v>6</v>
      </c>
      <c r="E24" s="125"/>
      <c r="F24" s="151"/>
      <c r="G24" s="107"/>
      <c r="H24" s="107"/>
      <c r="I24" s="107"/>
      <c r="J24" s="107"/>
      <c r="K24" s="107"/>
      <c r="L24" s="107"/>
      <c r="M24" s="107"/>
      <c r="N24" s="107"/>
      <c r="O24" s="107"/>
      <c r="P24" s="107"/>
      <c r="Q24" s="107"/>
      <c r="R24" s="107"/>
      <c r="S24" s="107"/>
      <c r="T24" s="107"/>
      <c r="U24" s="107"/>
      <c r="V24" s="107"/>
      <c r="W24" s="107"/>
      <c r="X24" s="107"/>
      <c r="Y24" s="107"/>
      <c r="Z24" s="107"/>
      <c r="AA24" s="107"/>
      <c r="AB24" s="107"/>
      <c r="AC24" s="107"/>
      <c r="AD24" s="107"/>
      <c r="AE24" s="107"/>
      <c r="AF24" s="107"/>
      <c r="AG24" s="107"/>
      <c r="AH24" s="107"/>
      <c r="AI24" s="107"/>
      <c r="AJ24" s="107"/>
      <c r="AK24" s="107"/>
      <c r="AL24" s="107"/>
      <c r="AM24" s="107"/>
      <c r="AN24" s="107"/>
      <c r="AO24" s="107"/>
      <c r="AP24" s="107"/>
      <c r="AQ24" s="107"/>
      <c r="AR24" s="107"/>
      <c r="AS24" s="107"/>
      <c r="AT24" s="107"/>
      <c r="AU24" s="107"/>
      <c r="AV24" s="107"/>
      <c r="AW24" s="107"/>
      <c r="AX24" s="107"/>
      <c r="AY24" s="107"/>
      <c r="AZ24" s="107"/>
      <c r="BA24" s="152"/>
      <c r="BB24" s="64"/>
      <c r="BC24" s="119"/>
      <c r="BD24" s="120"/>
    </row>
    <row r="25" spans="4:56" ht="23.25" customHeight="1" x14ac:dyDescent="0.15">
      <c r="D25" s="126" t="s">
        <v>7</v>
      </c>
      <c r="E25" s="127"/>
      <c r="F25" s="111"/>
      <c r="G25" s="106"/>
      <c r="H25" s="106"/>
      <c r="I25" s="106"/>
      <c r="J25" s="106"/>
      <c r="K25" s="106"/>
      <c r="L25" s="106"/>
      <c r="M25" s="106"/>
      <c r="N25" s="106"/>
      <c r="O25" s="106"/>
      <c r="P25" s="106"/>
      <c r="Q25" s="106"/>
      <c r="R25" s="106"/>
      <c r="S25" s="106"/>
      <c r="T25" s="106"/>
      <c r="U25" s="106"/>
      <c r="V25" s="106"/>
      <c r="W25" s="106"/>
      <c r="X25" s="106"/>
      <c r="Y25" s="106"/>
      <c r="Z25" s="106"/>
      <c r="AA25" s="106"/>
      <c r="AB25" s="106"/>
      <c r="AC25" s="106"/>
      <c r="AD25" s="106"/>
      <c r="AE25" s="106"/>
      <c r="AF25" s="106"/>
      <c r="AG25" s="106"/>
      <c r="AH25" s="106"/>
      <c r="AI25" s="106"/>
      <c r="AJ25" s="106"/>
      <c r="AK25" s="106"/>
      <c r="AL25" s="106"/>
      <c r="AM25" s="106"/>
      <c r="AN25" s="106"/>
      <c r="AO25" s="106"/>
      <c r="AP25" s="106"/>
      <c r="AQ25" s="106"/>
      <c r="AR25" s="106"/>
      <c r="AS25" s="106"/>
      <c r="AT25" s="106"/>
      <c r="AU25" s="106"/>
      <c r="AV25" s="106"/>
      <c r="AW25" s="106"/>
      <c r="AX25" s="106"/>
      <c r="AY25" s="106"/>
      <c r="AZ25" s="106"/>
      <c r="BA25" s="113"/>
      <c r="BB25" s="64"/>
      <c r="BC25" s="119"/>
      <c r="BD25" s="120"/>
    </row>
    <row r="26" spans="4:56" ht="23.25" customHeight="1" thickBot="1" x14ac:dyDescent="0.2">
      <c r="D26" s="128" t="s">
        <v>8</v>
      </c>
      <c r="E26" s="129"/>
      <c r="F26" s="114"/>
      <c r="G26" s="105"/>
      <c r="H26" s="105"/>
      <c r="I26" s="105"/>
      <c r="J26" s="105"/>
      <c r="K26" s="105"/>
      <c r="L26" s="105"/>
      <c r="M26" s="105"/>
      <c r="N26" s="105"/>
      <c r="O26" s="105"/>
      <c r="P26" s="105"/>
      <c r="Q26" s="105"/>
      <c r="R26" s="105"/>
      <c r="S26" s="105"/>
      <c r="T26" s="105"/>
      <c r="U26" s="105"/>
      <c r="V26" s="105"/>
      <c r="W26" s="105"/>
      <c r="X26" s="105"/>
      <c r="Y26" s="105"/>
      <c r="Z26" s="105"/>
      <c r="AA26" s="105"/>
      <c r="AB26" s="105"/>
      <c r="AC26" s="105"/>
      <c r="AD26" s="105"/>
      <c r="AE26" s="105"/>
      <c r="AF26" s="105"/>
      <c r="AG26" s="105"/>
      <c r="AH26" s="105"/>
      <c r="AI26" s="105"/>
      <c r="AJ26" s="105"/>
      <c r="AK26" s="105"/>
      <c r="AL26" s="105"/>
      <c r="AM26" s="105"/>
      <c r="AN26" s="105"/>
      <c r="AO26" s="105"/>
      <c r="AP26" s="105"/>
      <c r="AQ26" s="105"/>
      <c r="AR26" s="105"/>
      <c r="AS26" s="105"/>
      <c r="AT26" s="105"/>
      <c r="AU26" s="105"/>
      <c r="AV26" s="105"/>
      <c r="AW26" s="105"/>
      <c r="AX26" s="105"/>
      <c r="AY26" s="105"/>
      <c r="AZ26" s="105"/>
      <c r="BA26" s="112"/>
      <c r="BB26" s="65"/>
      <c r="BC26" s="119"/>
      <c r="BD26" s="120"/>
    </row>
    <row r="27" spans="4:56" ht="23.25" customHeight="1" thickTop="1" thickBot="1" x14ac:dyDescent="0.2">
      <c r="D27" s="133" t="s">
        <v>14</v>
      </c>
      <c r="E27" s="134"/>
      <c r="F27" s="110"/>
      <c r="G27" s="109"/>
      <c r="H27" s="108"/>
      <c r="I27" s="109"/>
      <c r="J27" s="108"/>
      <c r="K27" s="109"/>
      <c r="L27" s="108"/>
      <c r="M27" s="109"/>
      <c r="N27" s="108"/>
      <c r="O27" s="109"/>
      <c r="P27" s="108"/>
      <c r="Q27" s="109"/>
      <c r="R27" s="108"/>
      <c r="S27" s="109"/>
      <c r="T27" s="108"/>
      <c r="U27" s="109"/>
      <c r="V27" s="108"/>
      <c r="W27" s="109"/>
      <c r="X27" s="108"/>
      <c r="Y27" s="109"/>
      <c r="Z27" s="108"/>
      <c r="AA27" s="109"/>
      <c r="AB27" s="108"/>
      <c r="AC27" s="109"/>
      <c r="AD27" s="108"/>
      <c r="AE27" s="109"/>
      <c r="AF27" s="108"/>
      <c r="AG27" s="109"/>
      <c r="AH27" s="108"/>
      <c r="AI27" s="109"/>
      <c r="AJ27" s="108"/>
      <c r="AK27" s="109"/>
      <c r="AL27" s="108"/>
      <c r="AM27" s="109"/>
      <c r="AN27" s="108"/>
      <c r="AO27" s="109"/>
      <c r="AP27" s="108"/>
      <c r="AQ27" s="109"/>
      <c r="AR27" s="108"/>
      <c r="AS27" s="109"/>
      <c r="AT27" s="108"/>
      <c r="AU27" s="109"/>
      <c r="AV27" s="108"/>
      <c r="AW27" s="109"/>
      <c r="AX27" s="108"/>
      <c r="AY27" s="109"/>
      <c r="AZ27" s="108"/>
      <c r="BA27" s="110"/>
      <c r="BB27" s="66"/>
      <c r="BC27" s="121"/>
      <c r="BD27" s="122"/>
    </row>
    <row r="28" spans="4:56" ht="7.5" customHeight="1" x14ac:dyDescent="0.15">
      <c r="D28" s="3"/>
      <c r="E28" s="3"/>
      <c r="F28" s="3"/>
      <c r="G28" s="3"/>
      <c r="H28" s="3"/>
      <c r="I28" s="3"/>
      <c r="J28" s="3"/>
      <c r="K28" s="3"/>
      <c r="L28" s="3"/>
      <c r="M28" s="3"/>
      <c r="N28" s="3"/>
      <c r="O28" s="3"/>
      <c r="P28" s="3"/>
      <c r="Q28" s="3"/>
      <c r="R28" s="3"/>
      <c r="S28" s="3"/>
      <c r="T28" s="3"/>
      <c r="U28" s="3"/>
      <c r="V28" s="3"/>
      <c r="W28" s="3"/>
      <c r="X28" s="3"/>
      <c r="Y28" s="3"/>
      <c r="Z28" s="3"/>
      <c r="AA28" s="3"/>
      <c r="AB28" s="3"/>
      <c r="AC28" s="3"/>
      <c r="AD28" s="3"/>
      <c r="AE28" s="3"/>
      <c r="AF28" s="3"/>
      <c r="AG28" s="3"/>
      <c r="AH28" s="3"/>
      <c r="AI28" s="3"/>
      <c r="AJ28" s="3"/>
      <c r="AK28" s="3"/>
      <c r="AL28" s="3"/>
      <c r="AM28" s="3"/>
      <c r="AN28" s="3"/>
      <c r="AO28" s="3"/>
      <c r="AP28" s="3"/>
      <c r="AQ28" s="3"/>
      <c r="AR28" s="3"/>
      <c r="AS28" s="3"/>
      <c r="AT28" s="3"/>
      <c r="AU28" s="3"/>
      <c r="AV28" s="3"/>
      <c r="AW28" s="3"/>
      <c r="AX28" s="3"/>
      <c r="AY28" s="3"/>
      <c r="AZ28" s="3"/>
      <c r="BA28" s="3"/>
    </row>
    <row r="29" spans="4:56" ht="23.25" customHeight="1" x14ac:dyDescent="0.15">
      <c r="E29" s="3"/>
      <c r="F29" s="3"/>
      <c r="G29" s="3"/>
      <c r="H29" s="3"/>
      <c r="I29" s="3"/>
      <c r="J29" s="3"/>
      <c r="K29" s="3"/>
      <c r="L29" s="3"/>
      <c r="M29" s="3"/>
      <c r="N29" s="3"/>
      <c r="O29" s="3"/>
      <c r="P29" s="3"/>
      <c r="Q29" s="3"/>
      <c r="R29" s="3"/>
      <c r="S29" s="3"/>
      <c r="T29" s="3"/>
      <c r="U29" s="3"/>
      <c r="V29" s="3"/>
      <c r="W29" s="3"/>
      <c r="X29" s="3"/>
      <c r="Y29" s="3"/>
      <c r="Z29" s="3"/>
      <c r="AA29" s="3"/>
      <c r="AB29" s="3"/>
      <c r="AC29" s="3"/>
      <c r="AD29" s="3"/>
      <c r="AE29" s="3"/>
      <c r="AF29" s="3"/>
      <c r="AG29" s="3"/>
      <c r="AH29" s="3"/>
      <c r="AI29" s="3"/>
      <c r="AJ29" s="3"/>
      <c r="AK29" s="3"/>
      <c r="AL29" s="3"/>
      <c r="AM29" s="3"/>
      <c r="AN29" s="3"/>
      <c r="AO29" s="3"/>
      <c r="AP29" s="3"/>
      <c r="AQ29" s="3"/>
      <c r="AR29" s="3"/>
      <c r="AS29" s="3"/>
      <c r="AT29" s="3"/>
      <c r="AU29" s="3"/>
      <c r="AV29" s="3"/>
      <c r="AW29" s="3"/>
      <c r="AX29" s="3"/>
      <c r="AY29" s="3"/>
      <c r="AZ29" s="3"/>
      <c r="BA29" s="3"/>
    </row>
    <row r="30" spans="4:56" s="2" customFormat="1" ht="14.25" x14ac:dyDescent="0.15">
      <c r="D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row>
    <row r="31" spans="4:56" s="2" customFormat="1" ht="14.25" x14ac:dyDescent="0.15">
      <c r="D31" s="4"/>
      <c r="E31" s="7"/>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row>
    <row r="32" spans="4:56" s="2" customFormat="1" ht="14.25" x14ac:dyDescent="0.15">
      <c r="D32" s="4"/>
      <c r="E32" s="7"/>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row>
    <row r="33" spans="5:5" s="2" customFormat="1" ht="14.25" x14ac:dyDescent="0.15">
      <c r="E33" s="7"/>
    </row>
    <row r="34" spans="5:5" s="2" customFormat="1" ht="14.25" x14ac:dyDescent="0.15">
      <c r="E34" s="7"/>
    </row>
    <row r="35" spans="5:5" s="2" customFormat="1" ht="14.25" x14ac:dyDescent="0.15">
      <c r="E35" s="7"/>
    </row>
    <row r="36" spans="5:5" s="2" customFormat="1" ht="14.25" x14ac:dyDescent="0.15"/>
    <row r="37" spans="5:5" s="2" customFormat="1" ht="14.25" x14ac:dyDescent="0.15">
      <c r="E37" s="7"/>
    </row>
    <row r="38" spans="5:5" s="2" customFormat="1" ht="14.25" x14ac:dyDescent="0.15">
      <c r="E38" s="7"/>
    </row>
    <row r="39" spans="5:5" s="2" customFormat="1" ht="14.25" x14ac:dyDescent="0.15"/>
    <row r="40" spans="5:5" s="2" customFormat="1" ht="14.25" x14ac:dyDescent="0.15"/>
  </sheetData>
  <mergeCells count="159">
    <mergeCell ref="Z27:AA27"/>
    <mergeCell ref="AT26:AU26"/>
    <mergeCell ref="AV26:AW26"/>
    <mergeCell ref="AX26:AY26"/>
    <mergeCell ref="AZ27:BA27"/>
    <mergeCell ref="AN27:AO27"/>
    <mergeCell ref="AP27:AQ27"/>
    <mergeCell ref="AR27:AS27"/>
    <mergeCell ref="AT27:AU27"/>
    <mergeCell ref="AV27:AW27"/>
    <mergeCell ref="AX27:AY27"/>
    <mergeCell ref="AB27:AC27"/>
    <mergeCell ref="AD27:AE27"/>
    <mergeCell ref="AF27:AG27"/>
    <mergeCell ref="AH27:AI27"/>
    <mergeCell ref="AJ27:AK27"/>
    <mergeCell ref="AL27:AM27"/>
    <mergeCell ref="AZ26:BA26"/>
    <mergeCell ref="D27:E27"/>
    <mergeCell ref="F27:G27"/>
    <mergeCell ref="H27:I27"/>
    <mergeCell ref="J27:K27"/>
    <mergeCell ref="L27:M27"/>
    <mergeCell ref="N27:O27"/>
    <mergeCell ref="AH26:AI26"/>
    <mergeCell ref="AJ26:AK26"/>
    <mergeCell ref="AL26:AM26"/>
    <mergeCell ref="AN26:AO26"/>
    <mergeCell ref="AP26:AQ26"/>
    <mergeCell ref="AR26:AS26"/>
    <mergeCell ref="V26:W26"/>
    <mergeCell ref="X26:Y26"/>
    <mergeCell ref="Z26:AA26"/>
    <mergeCell ref="AB26:AC26"/>
    <mergeCell ref="AD26:AE26"/>
    <mergeCell ref="AF26:AG26"/>
    <mergeCell ref="P27:Q27"/>
    <mergeCell ref="R27:S27"/>
    <mergeCell ref="T27:U27"/>
    <mergeCell ref="V27:W27"/>
    <mergeCell ref="X27:Y27"/>
    <mergeCell ref="AP25:AQ25"/>
    <mergeCell ref="AR25:AS25"/>
    <mergeCell ref="AT25:AU25"/>
    <mergeCell ref="AV25:AW25"/>
    <mergeCell ref="AX25:AY25"/>
    <mergeCell ref="AB25:AC25"/>
    <mergeCell ref="AD25:AE25"/>
    <mergeCell ref="AF25:AG25"/>
    <mergeCell ref="AH25:AI25"/>
    <mergeCell ref="AJ25:AK25"/>
    <mergeCell ref="AL25:AM25"/>
    <mergeCell ref="D26:E26"/>
    <mergeCell ref="F26:G26"/>
    <mergeCell ref="H26:I26"/>
    <mergeCell ref="J26:K26"/>
    <mergeCell ref="L26:M26"/>
    <mergeCell ref="N26:O26"/>
    <mergeCell ref="P26:Q26"/>
    <mergeCell ref="R26:S26"/>
    <mergeCell ref="T26:U26"/>
    <mergeCell ref="T25:U25"/>
    <mergeCell ref="V25:W25"/>
    <mergeCell ref="X25:Y25"/>
    <mergeCell ref="Z25:AA25"/>
    <mergeCell ref="D25:E25"/>
    <mergeCell ref="F25:G25"/>
    <mergeCell ref="H25:I25"/>
    <mergeCell ref="J25:K25"/>
    <mergeCell ref="L25:M25"/>
    <mergeCell ref="N25:O25"/>
    <mergeCell ref="P25:Q25"/>
    <mergeCell ref="R25:S25"/>
    <mergeCell ref="X24:Y24"/>
    <mergeCell ref="Z24:AA24"/>
    <mergeCell ref="AB24:AC24"/>
    <mergeCell ref="AZ22:BA22"/>
    <mergeCell ref="BB22:BB23"/>
    <mergeCell ref="BC22:BD27"/>
    <mergeCell ref="AR22:AS22"/>
    <mergeCell ref="AT22:AU22"/>
    <mergeCell ref="AV22:AW22"/>
    <mergeCell ref="AX22:AY22"/>
    <mergeCell ref="AP24:AQ24"/>
    <mergeCell ref="AR24:AS24"/>
    <mergeCell ref="AT24:AU24"/>
    <mergeCell ref="AV24:AW24"/>
    <mergeCell ref="AX24:AY24"/>
    <mergeCell ref="AZ24:BA24"/>
    <mergeCell ref="AD24:AE24"/>
    <mergeCell ref="AF24:AG24"/>
    <mergeCell ref="AH24:AI24"/>
    <mergeCell ref="AJ24:AK24"/>
    <mergeCell ref="AL24:AM24"/>
    <mergeCell ref="AN24:AO24"/>
    <mergeCell ref="AZ25:BA25"/>
    <mergeCell ref="AN25:AO25"/>
    <mergeCell ref="D24:E24"/>
    <mergeCell ref="F24:G24"/>
    <mergeCell ref="H24:I24"/>
    <mergeCell ref="J24:K24"/>
    <mergeCell ref="L24:M24"/>
    <mergeCell ref="N24:O24"/>
    <mergeCell ref="P24:Q24"/>
    <mergeCell ref="AN22:AO22"/>
    <mergeCell ref="AP22:AQ22"/>
    <mergeCell ref="AB22:AC22"/>
    <mergeCell ref="AD22:AE22"/>
    <mergeCell ref="AF22:AG22"/>
    <mergeCell ref="AH22:AI22"/>
    <mergeCell ref="AJ22:AK22"/>
    <mergeCell ref="AL22:AM22"/>
    <mergeCell ref="P22:Q22"/>
    <mergeCell ref="R22:S22"/>
    <mergeCell ref="T22:U22"/>
    <mergeCell ref="V22:W22"/>
    <mergeCell ref="X22:Y22"/>
    <mergeCell ref="Z22:AA22"/>
    <mergeCell ref="R24:S24"/>
    <mergeCell ref="T24:U24"/>
    <mergeCell ref="V24:W24"/>
    <mergeCell ref="D21:BA21"/>
    <mergeCell ref="D22:E23"/>
    <mergeCell ref="F22:G22"/>
    <mergeCell ref="H22:I22"/>
    <mergeCell ref="J22:K22"/>
    <mergeCell ref="L22:M22"/>
    <mergeCell ref="N22:O22"/>
    <mergeCell ref="AP9:AQ9"/>
    <mergeCell ref="AR9:AS9"/>
    <mergeCell ref="AT9:AU9"/>
    <mergeCell ref="AV9:AW9"/>
    <mergeCell ref="AX9:AY9"/>
    <mergeCell ref="AZ9:BA9"/>
    <mergeCell ref="AD9:AE9"/>
    <mergeCell ref="AF9:AG9"/>
    <mergeCell ref="AH9:AI9"/>
    <mergeCell ref="AJ9:AK9"/>
    <mergeCell ref="AL9:AM9"/>
    <mergeCell ref="AN9:AO9"/>
    <mergeCell ref="R9:S9"/>
    <mergeCell ref="T9:U9"/>
    <mergeCell ref="V9:W9"/>
    <mergeCell ref="X9:Y9"/>
    <mergeCell ref="Z9:AA9"/>
    <mergeCell ref="AB9:AC9"/>
    <mergeCell ref="D3:BD3"/>
    <mergeCell ref="D8:D10"/>
    <mergeCell ref="E8:E10"/>
    <mergeCell ref="BB8:BD8"/>
    <mergeCell ref="F9:G9"/>
    <mergeCell ref="H9:I9"/>
    <mergeCell ref="J9:K9"/>
    <mergeCell ref="L9:M9"/>
    <mergeCell ref="N9:O9"/>
    <mergeCell ref="P9:Q9"/>
    <mergeCell ref="BB9:BB10"/>
    <mergeCell ref="BC9:BC10"/>
    <mergeCell ref="BD9:BD10"/>
  </mergeCells>
  <phoneticPr fontId="1"/>
  <printOptions horizontalCentered="1"/>
  <pageMargins left="0.59055118110236227" right="0.59055118110236227" top="0.59055118110236227" bottom="0.59055118110236227" header="0.51181102362204722" footer="0.51181102362204722"/>
  <pageSetup paperSize="9" orientation="landscape" r:id="rId1"/>
  <headerFooter alignWithMargins="0">
    <oddFooter>&amp;L&amp;"ＭＳ Ｐ明朝,標準"この様式により難いときは、この様式に準じた別の様式を用いることができる。</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１－４</vt:lpstr>
      <vt:lpstr>（記載例）様式１－４</vt:lpstr>
      <vt:lpstr>様式１－４ (起案用)</vt:lpstr>
      <vt:lpstr>'（記載例）様式１－４'!Print_Area</vt:lpstr>
      <vt:lpstr>'様式１－４'!Print_Area</vt:lpstr>
      <vt:lpstr>'様式１－４ (起案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様式2　業務従事者配置計画書</dc:title>
  <dc:creator>札幌市財政局管財部契約管理課</dc:creator>
  <cp:lastModifiedBy>宮武 秀行</cp:lastModifiedBy>
  <cp:lastPrinted>2024-03-28T01:44:55Z</cp:lastPrinted>
  <dcterms:created xsi:type="dcterms:W3CDTF">2012-10-13T03:16:09Z</dcterms:created>
  <dcterms:modified xsi:type="dcterms:W3CDTF">2024-03-28T02:00:16Z</dcterms:modified>
</cp:coreProperties>
</file>